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001454\Desktop\印なし様式集\"/>
    </mc:Choice>
  </mc:AlternateContent>
  <bookViews>
    <workbookView xWindow="0" yWindow="0" windowWidth="20490" windowHeight="7530"/>
  </bookViews>
  <sheets>
    <sheet name="完了届" sheetId="1" r:id="rId1"/>
  </sheets>
  <definedNames>
    <definedName name="_xlnm.Print_Area" localSheetId="0">完了届!$A$1:$AL$5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3" uniqueCount="48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（あて先）八代市長</t>
    <rPh sb="3" eb="4">
      <t>サキ</t>
    </rPh>
    <rPh sb="5" eb="9">
      <t>ヤツシロシチョウ</t>
    </rPh>
    <phoneticPr fontId="1"/>
  </si>
  <si>
    <t>申請者</t>
    <rPh sb="0" eb="3">
      <t>シンセイシャ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設置場所</t>
    <rPh sb="0" eb="2">
      <t>セッチ</t>
    </rPh>
    <rPh sb="2" eb="4">
      <t>バショ</t>
    </rPh>
    <phoneticPr fontId="1"/>
  </si>
  <si>
    <t>八代市</t>
    <rPh sb="0" eb="3">
      <t>ヤツシロシ</t>
    </rPh>
    <phoneticPr fontId="1"/>
  </si>
  <si>
    <t>工事の種別</t>
    <rPh sb="0" eb="2">
      <t>コウジ</t>
    </rPh>
    <rPh sb="3" eb="5">
      <t>シュベツ</t>
    </rPh>
    <phoneticPr fontId="1"/>
  </si>
  <si>
    <t>□</t>
    <phoneticPr fontId="1"/>
  </si>
  <si>
    <t>排水設備</t>
    <rPh sb="0" eb="2">
      <t>ハイスイ</t>
    </rPh>
    <rPh sb="2" eb="4">
      <t>セツビ</t>
    </rPh>
    <phoneticPr fontId="1"/>
  </si>
  <si>
    <t>新　設</t>
    <rPh sb="0" eb="1">
      <t>シン</t>
    </rPh>
    <rPh sb="2" eb="3">
      <t>セツ</t>
    </rPh>
    <phoneticPr fontId="1"/>
  </si>
  <si>
    <t>臨　時</t>
    <rPh sb="0" eb="1">
      <t>ノゾム</t>
    </rPh>
    <rPh sb="2" eb="3">
      <t>ジ</t>
    </rPh>
    <phoneticPr fontId="1"/>
  </si>
  <si>
    <t>浄化槽の廃止</t>
    <rPh sb="0" eb="3">
      <t>ジョウカソウ</t>
    </rPh>
    <rPh sb="4" eb="6">
      <t>ハイシ</t>
    </rPh>
    <phoneticPr fontId="1"/>
  </si>
  <si>
    <t>増　設</t>
    <rPh sb="0" eb="1">
      <t>ゾウ</t>
    </rPh>
    <rPh sb="2" eb="3">
      <t>セツ</t>
    </rPh>
    <phoneticPr fontId="1"/>
  </si>
  <si>
    <t>変　更</t>
    <rPh sb="0" eb="1">
      <t>ヘン</t>
    </rPh>
    <rPh sb="2" eb="3">
      <t>サラ</t>
    </rPh>
    <phoneticPr fontId="1"/>
  </si>
  <si>
    <t>汲取便所の改造</t>
    <rPh sb="0" eb="2">
      <t>クミト</t>
    </rPh>
    <rPh sb="2" eb="4">
      <t>ベンジョ</t>
    </rPh>
    <rPh sb="5" eb="7">
      <t>カイゾウ</t>
    </rPh>
    <phoneticPr fontId="1"/>
  </si>
  <si>
    <t>水洗化</t>
    <rPh sb="0" eb="3">
      <t>スイセンカ</t>
    </rPh>
    <phoneticPr fontId="1"/>
  </si>
  <si>
    <t>改　築</t>
    <rPh sb="0" eb="1">
      <t>アラタ</t>
    </rPh>
    <rPh sb="2" eb="3">
      <t>チク</t>
    </rPh>
    <phoneticPr fontId="1"/>
  </si>
  <si>
    <t>修　繕</t>
    <rPh sb="0" eb="1">
      <t>オサム</t>
    </rPh>
    <rPh sb="2" eb="3">
      <t>ツクロ</t>
    </rPh>
    <phoneticPr fontId="1"/>
  </si>
  <si>
    <t>除害施設</t>
    <rPh sb="0" eb="1">
      <t>ジョ</t>
    </rPh>
    <rPh sb="1" eb="2">
      <t>ガイ</t>
    </rPh>
    <rPh sb="2" eb="4">
      <t>シセツ</t>
    </rPh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シ</t>
    </rPh>
    <rPh sb="2" eb="3">
      <t>メイ</t>
    </rPh>
    <phoneticPr fontId="1"/>
  </si>
  <si>
    <t>）</t>
    <phoneticPr fontId="1"/>
  </si>
  <si>
    <t>指定工事店</t>
    <rPh sb="0" eb="2">
      <t>シテイ</t>
    </rPh>
    <rPh sb="2" eb="4">
      <t>コウジ</t>
    </rPh>
    <rPh sb="4" eb="5">
      <t>テン</t>
    </rPh>
    <phoneticPr fontId="1"/>
  </si>
  <si>
    <t>責任技術者</t>
    <rPh sb="0" eb="2">
      <t>セキニン</t>
    </rPh>
    <rPh sb="2" eb="5">
      <t>ギジュツシャ</t>
    </rPh>
    <phoneticPr fontId="1"/>
  </si>
  <si>
    <t xml:space="preserve"> (責任技術者登録番号　№　                    　　)</t>
  </si>
  <si>
    <t>融資斡旋等</t>
    <rPh sb="0" eb="2">
      <t>ユウシ</t>
    </rPh>
    <rPh sb="2" eb="4">
      <t>アッセン</t>
    </rPh>
    <rPh sb="4" eb="5">
      <t>トウ</t>
    </rPh>
    <phoneticPr fontId="1"/>
  </si>
  <si>
    <t>名　称</t>
    <rPh sb="0" eb="1">
      <t>ナ</t>
    </rPh>
    <rPh sb="2" eb="3">
      <t>ショウ</t>
    </rPh>
    <phoneticPr fontId="1"/>
  </si>
  <si>
    <t>様式第３号</t>
  </si>
  <si>
    <t>排 水 設 備 等 工 事 完 了 届</t>
    <rPh sb="0" eb="1">
      <t>ハイ</t>
    </rPh>
    <rPh sb="2" eb="3">
      <t>スイ</t>
    </rPh>
    <rPh sb="4" eb="5">
      <t>セツ</t>
    </rPh>
    <rPh sb="6" eb="7">
      <t>ソナエ</t>
    </rPh>
    <rPh sb="8" eb="9">
      <t>トウ</t>
    </rPh>
    <rPh sb="10" eb="11">
      <t>コウ</t>
    </rPh>
    <rPh sb="12" eb="13">
      <t>コト</t>
    </rPh>
    <rPh sb="14" eb="15">
      <t>カン</t>
    </rPh>
    <rPh sb="16" eb="17">
      <t>リョウ</t>
    </rPh>
    <rPh sb="18" eb="19">
      <t>トド</t>
    </rPh>
    <phoneticPr fontId="1"/>
  </si>
  <si>
    <t>確　　　認</t>
    <rPh sb="0" eb="1">
      <t>アキラ</t>
    </rPh>
    <rPh sb="4" eb="5">
      <t>シノブ</t>
    </rPh>
    <phoneticPr fontId="1"/>
  </si>
  <si>
    <t>確　認　第</t>
    <rPh sb="0" eb="1">
      <t>アキラ</t>
    </rPh>
    <rPh sb="2" eb="3">
      <t>シノブ</t>
    </rPh>
    <rPh sb="4" eb="5">
      <t>ダイ</t>
    </rPh>
    <phoneticPr fontId="1"/>
  </si>
  <si>
    <t>□</t>
    <phoneticPr fontId="1"/>
  </si>
  <si>
    <t>（単独・合併）</t>
    <rPh sb="1" eb="3">
      <t>タンドク</t>
    </rPh>
    <rPh sb="4" eb="6">
      <t>ガッペイ</t>
    </rPh>
    <phoneticPr fontId="1"/>
  </si>
  <si>
    <t>工事完了日</t>
    <rPh sb="0" eb="2">
      <t>コウジ</t>
    </rPh>
    <rPh sb="2" eb="4">
      <t>カンリョウ</t>
    </rPh>
    <rPh sb="4" eb="5">
      <t>ビ</t>
    </rPh>
    <phoneticPr fontId="1"/>
  </si>
  <si>
    <t>工事精算額</t>
    <rPh sb="0" eb="2">
      <t>コウジ</t>
    </rPh>
    <rPh sb="2" eb="4">
      <t>セイサン</t>
    </rPh>
    <rPh sb="4" eb="5">
      <t>ガク</t>
    </rPh>
    <phoneticPr fontId="1"/>
  </si>
  <si>
    <t>円</t>
    <rPh sb="0" eb="1">
      <t>エン</t>
    </rPh>
    <phoneticPr fontId="1"/>
  </si>
  <si>
    <t>有</t>
    <rPh sb="0" eb="1">
      <t>ア</t>
    </rPh>
    <phoneticPr fontId="1"/>
  </si>
  <si>
    <t>（第</t>
    <rPh sb="1" eb="2">
      <t>ダイ</t>
    </rPh>
    <phoneticPr fontId="1"/>
  </si>
  <si>
    <t>号）</t>
    <rPh sb="0" eb="1">
      <t>ゴウ</t>
    </rPh>
    <phoneticPr fontId="1"/>
  </si>
  <si>
    <t>・</t>
    <phoneticPr fontId="1"/>
  </si>
  <si>
    <t>無</t>
    <rPh sb="0" eb="1">
      <t>ナ</t>
    </rPh>
    <phoneticPr fontId="1"/>
  </si>
  <si>
    <t>号</t>
    <rPh sb="0" eb="1">
      <t>ゴウ</t>
    </rPh>
    <phoneticPr fontId="1"/>
  </si>
  <si>
    <t>印</t>
    <rPh sb="0" eb="1">
      <t>イン</t>
    </rPh>
    <phoneticPr fontId="1"/>
  </si>
  <si>
    <t>（申請者直筆の場合は押印省略可能）</t>
    <rPh sb="1" eb="4">
      <t>シンセイシャ</t>
    </rPh>
    <rPh sb="4" eb="6">
      <t>ジキヒツ</t>
    </rPh>
    <rPh sb="7" eb="9">
      <t>バアイ</t>
    </rPh>
    <rPh sb="10" eb="12">
      <t>オウイン</t>
    </rPh>
    <rPh sb="12" eb="14">
      <t>ショウリャク</t>
    </rPh>
    <rPh sb="14" eb="16">
      <t>カノウ</t>
    </rPh>
    <phoneticPr fontId="1"/>
  </si>
  <si>
    <t xml:space="preserve"> 排水設備新設等の工事が完了したので届出ます。</t>
    <rPh sb="1" eb="3">
      <t>ハイスイ</t>
    </rPh>
    <rPh sb="3" eb="5">
      <t>セツビ</t>
    </rPh>
    <rPh sb="5" eb="7">
      <t>シンセツ</t>
    </rPh>
    <rPh sb="7" eb="8">
      <t>トウ</t>
    </rPh>
    <rPh sb="9" eb="11">
      <t>コウジ</t>
    </rPh>
    <rPh sb="12" eb="14">
      <t>カンリョウ</t>
    </rPh>
    <rPh sb="18" eb="20">
      <t>トドケデ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0"/>
      <name val="HG丸ｺﾞｼｯｸM-PRO"/>
      <family val="3"/>
      <charset val="128"/>
    </font>
    <font>
      <b/>
      <sz val="20"/>
      <name val="HG丸ｺﾞｼｯｸM-PRO"/>
      <family val="3"/>
      <charset val="128"/>
    </font>
    <font>
      <sz val="9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82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9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2" fillId="0" borderId="6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7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2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4" fillId="0" borderId="9" xfId="0" applyFont="1" applyBorder="1" applyAlignment="1">
      <alignment horizontal="right" vertical="center"/>
    </xf>
    <xf numFmtId="0" fontId="4" fillId="0" borderId="0" xfId="0" applyFont="1" applyAlignment="1">
      <alignment horizontal="right" vertical="center"/>
    </xf>
    <xf numFmtId="0" fontId="4" fillId="0" borderId="2" xfId="0" applyFont="1" applyBorder="1" applyAlignment="1">
      <alignment horizontal="right" vertical="center"/>
    </xf>
    <xf numFmtId="0" fontId="4" fillId="0" borderId="3" xfId="0" applyFont="1" applyBorder="1" applyAlignment="1">
      <alignment horizontal="right" vertical="center"/>
    </xf>
    <xf numFmtId="0" fontId="4" fillId="0" borderId="9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3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6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4" fillId="0" borderId="14" xfId="0" applyFont="1" applyBorder="1" applyAlignment="1">
      <alignment horizontal="right" vertical="center"/>
    </xf>
    <xf numFmtId="0" fontId="4" fillId="0" borderId="16" xfId="0" applyFont="1" applyBorder="1" applyAlignment="1">
      <alignment horizontal="right" vertical="center"/>
    </xf>
    <xf numFmtId="0" fontId="4" fillId="0" borderId="15" xfId="0" applyFont="1" applyBorder="1" applyAlignment="1">
      <alignment horizontal="center" vertical="center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4" fillId="0" borderId="6" xfId="0" applyFont="1" applyBorder="1" applyAlignment="1">
      <alignment vertical="center"/>
    </xf>
    <xf numFmtId="0" fontId="6" fillId="0" borderId="5" xfId="0" applyFont="1" applyBorder="1" applyAlignment="1">
      <alignment horizontal="distributed" vertical="center"/>
    </xf>
    <xf numFmtId="0" fontId="6" fillId="0" borderId="6" xfId="0" applyFont="1" applyBorder="1" applyAlignment="1">
      <alignment horizontal="distributed" vertical="center"/>
    </xf>
    <xf numFmtId="0" fontId="6" fillId="0" borderId="0" xfId="0" applyFont="1" applyAlignment="1">
      <alignment horizontal="distributed" vertical="center"/>
    </xf>
    <xf numFmtId="0" fontId="6" fillId="0" borderId="8" xfId="0" applyFont="1" applyBorder="1" applyAlignment="1">
      <alignment horizontal="distributed" vertical="center"/>
    </xf>
    <xf numFmtId="0" fontId="4" fillId="0" borderId="13" xfId="0" applyFont="1" applyBorder="1" applyAlignment="1">
      <alignment horizontal="right" vertical="center"/>
    </xf>
    <xf numFmtId="0" fontId="4" fillId="0" borderId="13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top"/>
    </xf>
    <xf numFmtId="0" fontId="8" fillId="0" borderId="3" xfId="0" applyFont="1" applyBorder="1" applyAlignment="1">
      <alignment horizontal="center" vertical="top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distributed" vertical="center"/>
    </xf>
    <xf numFmtId="0" fontId="2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AL1163"/>
  <sheetViews>
    <sheetView showGridLines="0" tabSelected="1" view="pageBreakPreview" zoomScaleNormal="70" zoomScaleSheetLayoutView="100" workbookViewId="0">
      <selection activeCell="AF8" sqref="AF8:AG9"/>
    </sheetView>
  </sheetViews>
  <sheetFormatPr defaultColWidth="0" defaultRowHeight="15" customHeight="1" zeroHeight="1" x14ac:dyDescent="0.15"/>
  <cols>
    <col min="1" max="1" width="0.75" style="2" customWidth="1"/>
    <col min="2" max="37" width="2.5" style="1" customWidth="1"/>
    <col min="38" max="38" width="0.75" style="2" customWidth="1"/>
    <col min="39" max="16384" width="2.5" style="1" hidden="1"/>
  </cols>
  <sheetData>
    <row r="1" spans="2:37" s="2" customFormat="1" ht="15" customHeight="1" x14ac:dyDescent="0.15"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9"/>
      <c r="Q1" s="9"/>
      <c r="R1" s="9"/>
      <c r="S1" s="9"/>
      <c r="T1" s="9"/>
      <c r="U1" s="9"/>
      <c r="V1" s="9"/>
      <c r="W1" s="9"/>
      <c r="X1" s="9"/>
      <c r="Y1" s="9"/>
      <c r="Z1" s="9"/>
      <c r="AA1" s="9"/>
      <c r="AB1" s="9"/>
      <c r="AC1" s="9"/>
      <c r="AD1" s="9"/>
      <c r="AE1" s="9"/>
      <c r="AF1" s="9"/>
      <c r="AG1" s="9"/>
      <c r="AH1" s="9"/>
      <c r="AI1" s="9"/>
      <c r="AJ1" s="9"/>
      <c r="AK1" s="9"/>
    </row>
    <row r="2" spans="2:37" s="2" customFormat="1" ht="15" customHeight="1" x14ac:dyDescent="0.15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9"/>
      <c r="Q2" s="9"/>
      <c r="R2" s="9"/>
      <c r="S2" s="9"/>
      <c r="T2" s="9"/>
      <c r="U2" s="9"/>
      <c r="V2" s="9"/>
      <c r="W2" s="9"/>
      <c r="X2" s="9"/>
      <c r="Y2" s="9"/>
      <c r="Z2" s="9"/>
      <c r="AA2" s="9"/>
      <c r="AB2" s="9"/>
      <c r="AC2" s="9"/>
      <c r="AD2" s="9"/>
      <c r="AE2" s="9"/>
      <c r="AF2" s="9"/>
      <c r="AG2" s="9"/>
      <c r="AH2" s="9"/>
      <c r="AI2" s="9"/>
      <c r="AJ2" s="9"/>
      <c r="AK2" s="9"/>
    </row>
    <row r="3" spans="2:37" s="2" customFormat="1" ht="15" customHeight="1" x14ac:dyDescent="0.15"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9"/>
      <c r="Q3" s="9"/>
      <c r="R3" s="9"/>
      <c r="S3" s="9"/>
      <c r="T3" s="9"/>
      <c r="U3" s="9"/>
      <c r="V3" s="9"/>
      <c r="W3" s="9"/>
      <c r="X3" s="9"/>
      <c r="Y3" s="9"/>
      <c r="Z3" s="9"/>
      <c r="AA3" s="9"/>
      <c r="AB3" s="9"/>
      <c r="AC3" s="9"/>
      <c r="AD3" s="9"/>
      <c r="AE3" s="9"/>
      <c r="AF3" s="9"/>
      <c r="AG3" s="9"/>
      <c r="AH3" s="9"/>
      <c r="AI3" s="9"/>
      <c r="AJ3" s="9"/>
      <c r="AK3" s="9"/>
    </row>
    <row r="4" spans="2:37" s="2" customFormat="1" ht="15" customHeight="1" x14ac:dyDescent="0.15">
      <c r="B4" s="80" t="s">
        <v>30</v>
      </c>
      <c r="C4" s="80"/>
      <c r="D4" s="80"/>
      <c r="E4" s="80"/>
      <c r="F4" s="80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</row>
    <row r="5" spans="2:37" s="2" customFormat="1" ht="15" customHeight="1" x14ac:dyDescent="0.15">
      <c r="B5" s="81" t="s">
        <v>31</v>
      </c>
      <c r="C5" s="81"/>
      <c r="D5" s="81"/>
      <c r="E5" s="81"/>
      <c r="F5" s="81"/>
      <c r="G5" s="81"/>
      <c r="H5" s="81"/>
      <c r="I5" s="81"/>
      <c r="J5" s="81"/>
      <c r="K5" s="81"/>
      <c r="L5" s="81"/>
      <c r="M5" s="81"/>
      <c r="N5" s="81"/>
      <c r="O5" s="81"/>
      <c r="P5" s="81"/>
      <c r="Q5" s="81"/>
      <c r="R5" s="81"/>
      <c r="S5" s="81"/>
      <c r="T5" s="81"/>
      <c r="U5" s="81"/>
      <c r="V5" s="81"/>
      <c r="W5" s="81"/>
      <c r="X5" s="81"/>
      <c r="Y5" s="81"/>
      <c r="Z5" s="81"/>
      <c r="AA5" s="81"/>
      <c r="AB5" s="81"/>
      <c r="AC5" s="81"/>
      <c r="AD5" s="81"/>
      <c r="AE5" s="81"/>
      <c r="AF5" s="81"/>
      <c r="AG5" s="81"/>
      <c r="AH5" s="81"/>
      <c r="AI5" s="81"/>
      <c r="AJ5" s="81"/>
      <c r="AK5" s="81"/>
    </row>
    <row r="6" spans="2:37" s="2" customFormat="1" ht="15" customHeight="1" x14ac:dyDescent="0.15">
      <c r="B6" s="81"/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</row>
    <row r="7" spans="2:37" s="2" customFormat="1" ht="15" customHeight="1" x14ac:dyDescent="0.15"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  <c r="AF7" s="13"/>
      <c r="AG7" s="13"/>
      <c r="AH7" s="13"/>
      <c r="AI7" s="13"/>
      <c r="AJ7" s="13"/>
      <c r="AK7" s="13"/>
    </row>
    <row r="8" spans="2:37" s="2" customFormat="1" ht="15" customHeight="1" x14ac:dyDescent="0.15"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38"/>
      <c r="Y8" s="38"/>
      <c r="Z8" s="38"/>
      <c r="AA8" s="38"/>
      <c r="AB8" s="38" t="s">
        <v>0</v>
      </c>
      <c r="AC8" s="38"/>
      <c r="AD8" s="38"/>
      <c r="AE8" s="38"/>
      <c r="AF8" s="38" t="s">
        <v>1</v>
      </c>
      <c r="AG8" s="38"/>
      <c r="AH8" s="38"/>
      <c r="AI8" s="38"/>
      <c r="AJ8" s="38" t="s">
        <v>2</v>
      </c>
      <c r="AK8" s="38"/>
    </row>
    <row r="9" spans="2:37" s="2" customFormat="1" ht="15" customHeight="1" x14ac:dyDescent="0.15"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38"/>
      <c r="Y9" s="38"/>
      <c r="Z9" s="38"/>
      <c r="AA9" s="38"/>
      <c r="AB9" s="38"/>
      <c r="AC9" s="38"/>
      <c r="AD9" s="38"/>
      <c r="AE9" s="38"/>
      <c r="AF9" s="38"/>
      <c r="AG9" s="38"/>
      <c r="AH9" s="38"/>
      <c r="AI9" s="38"/>
      <c r="AJ9" s="38"/>
      <c r="AK9" s="38"/>
    </row>
    <row r="10" spans="2:37" s="2" customFormat="1" ht="15" customHeight="1" x14ac:dyDescent="0.15">
      <c r="B10" s="78" t="s">
        <v>3</v>
      </c>
      <c r="C10" s="78"/>
      <c r="D10" s="78"/>
      <c r="E10" s="78"/>
      <c r="F10" s="78"/>
      <c r="G10" s="78"/>
      <c r="H10" s="78"/>
      <c r="I10" s="78"/>
      <c r="J10" s="78"/>
      <c r="K10" s="78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</row>
    <row r="11" spans="2:37" s="2" customFormat="1" ht="15" customHeight="1" x14ac:dyDescent="0.15">
      <c r="B11" s="78"/>
      <c r="C11" s="78"/>
      <c r="D11" s="78"/>
      <c r="E11" s="78"/>
      <c r="F11" s="78"/>
      <c r="G11" s="78"/>
      <c r="H11" s="78"/>
      <c r="I11" s="78"/>
      <c r="J11" s="78"/>
      <c r="K11" s="78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1"/>
      <c r="AI11" s="1"/>
      <c r="AJ11" s="1"/>
      <c r="AK11" s="1"/>
    </row>
    <row r="12" spans="2:37" s="2" customFormat="1" ht="15" customHeight="1" x14ac:dyDescent="0.15">
      <c r="B12" s="3"/>
      <c r="C12" s="3"/>
      <c r="D12" s="3"/>
      <c r="E12" s="3"/>
      <c r="F12" s="3"/>
      <c r="G12" s="3"/>
      <c r="H12" s="3"/>
      <c r="I12" s="3"/>
      <c r="J12" s="3"/>
      <c r="K12" s="3"/>
      <c r="L12" s="1"/>
      <c r="M12" s="1"/>
      <c r="N12" s="1"/>
      <c r="O12" s="1"/>
      <c r="P12" s="1"/>
      <c r="Q12" s="1"/>
      <c r="R12" s="38" t="s">
        <v>4</v>
      </c>
      <c r="S12" s="38"/>
      <c r="T12" s="38"/>
      <c r="U12" s="79" t="s">
        <v>5</v>
      </c>
      <c r="V12" s="79"/>
      <c r="W12" s="79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</row>
    <row r="13" spans="2:37" s="2" customFormat="1" ht="15" customHeight="1" x14ac:dyDescent="0.15"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38"/>
      <c r="S13" s="38"/>
      <c r="T13" s="38"/>
      <c r="U13" s="79"/>
      <c r="V13" s="79"/>
      <c r="W13" s="79"/>
      <c r="X13" s="38"/>
      <c r="Y13" s="38"/>
      <c r="Z13" s="38"/>
      <c r="AA13" s="38"/>
      <c r="AB13" s="38"/>
      <c r="AC13" s="38"/>
      <c r="AD13" s="38"/>
      <c r="AE13" s="38"/>
      <c r="AF13" s="38"/>
      <c r="AG13" s="38"/>
      <c r="AH13" s="38"/>
      <c r="AI13" s="38"/>
      <c r="AJ13" s="38"/>
      <c r="AK13" s="38"/>
    </row>
    <row r="14" spans="2:37" s="2" customFormat="1" ht="15" customHeight="1" x14ac:dyDescent="0.15"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4"/>
      <c r="S14" s="14"/>
      <c r="T14" s="14"/>
      <c r="U14" s="79" t="s">
        <v>6</v>
      </c>
      <c r="V14" s="79"/>
      <c r="W14" s="79"/>
      <c r="X14" s="38"/>
      <c r="Y14" s="38"/>
      <c r="Z14" s="38"/>
      <c r="AA14" s="38"/>
      <c r="AB14" s="38"/>
      <c r="AC14" s="38"/>
      <c r="AD14" s="38"/>
      <c r="AE14" s="38"/>
      <c r="AF14" s="38"/>
      <c r="AG14" s="38"/>
      <c r="AH14" s="38"/>
      <c r="AI14" s="38"/>
      <c r="AJ14" s="38" t="s">
        <v>45</v>
      </c>
      <c r="AK14" s="38"/>
    </row>
    <row r="15" spans="2:37" s="2" customFormat="1" ht="15" customHeight="1" x14ac:dyDescent="0.15"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4"/>
      <c r="S15" s="14"/>
      <c r="T15" s="14"/>
      <c r="U15" s="79"/>
      <c r="V15" s="79"/>
      <c r="W15" s="79"/>
      <c r="X15" s="38"/>
      <c r="Y15" s="38"/>
      <c r="Z15" s="38"/>
      <c r="AA15" s="38"/>
      <c r="AB15" s="38"/>
      <c r="AC15" s="38"/>
      <c r="AD15" s="38"/>
      <c r="AE15" s="38"/>
      <c r="AF15" s="38"/>
      <c r="AG15" s="38"/>
      <c r="AH15" s="38"/>
      <c r="AI15" s="38"/>
      <c r="AJ15" s="38"/>
      <c r="AK15" s="38"/>
    </row>
    <row r="16" spans="2:37" s="2" customFormat="1" ht="15" customHeight="1" x14ac:dyDescent="0.15">
      <c r="B16" s="40" t="s">
        <v>47</v>
      </c>
      <c r="C16" s="40"/>
      <c r="D16" s="40"/>
      <c r="E16" s="40"/>
      <c r="F16" s="40"/>
      <c r="G16" s="40"/>
      <c r="H16" s="40"/>
      <c r="I16" s="40"/>
      <c r="J16" s="40"/>
      <c r="K16" s="40"/>
      <c r="L16" s="40"/>
      <c r="M16" s="40"/>
      <c r="N16" s="40"/>
      <c r="O16" s="40"/>
      <c r="P16" s="40"/>
      <c r="Q16" s="40"/>
      <c r="R16" s="40"/>
      <c r="S16" s="40"/>
      <c r="T16" s="40"/>
      <c r="U16" s="76" t="s">
        <v>46</v>
      </c>
      <c r="V16" s="76"/>
      <c r="W16" s="76"/>
      <c r="X16" s="76"/>
      <c r="Y16" s="76"/>
      <c r="Z16" s="76"/>
      <c r="AA16" s="76"/>
      <c r="AB16" s="76"/>
      <c r="AC16" s="76"/>
      <c r="AD16" s="76"/>
      <c r="AE16" s="76"/>
      <c r="AF16" s="76"/>
      <c r="AG16" s="76"/>
      <c r="AH16" s="76"/>
      <c r="AI16" s="76"/>
      <c r="AJ16" s="76"/>
      <c r="AK16" s="76"/>
    </row>
    <row r="17" spans="2:37" s="2" customFormat="1" ht="15" customHeight="1" x14ac:dyDescent="0.15">
      <c r="B17" s="39"/>
      <c r="C17" s="39"/>
      <c r="D17" s="39"/>
      <c r="E17" s="39"/>
      <c r="F17" s="39"/>
      <c r="G17" s="39"/>
      <c r="H17" s="39"/>
      <c r="I17" s="39"/>
      <c r="J17" s="39"/>
      <c r="K17" s="39"/>
      <c r="L17" s="39"/>
      <c r="M17" s="39"/>
      <c r="N17" s="39"/>
      <c r="O17" s="39"/>
      <c r="P17" s="39"/>
      <c r="Q17" s="39"/>
      <c r="R17" s="39"/>
      <c r="S17" s="39"/>
      <c r="T17" s="39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7"/>
    </row>
    <row r="18" spans="2:37" s="2" customFormat="1" ht="15" customHeight="1" x14ac:dyDescent="0.15">
      <c r="B18" s="50" t="s">
        <v>32</v>
      </c>
      <c r="C18" s="43"/>
      <c r="D18" s="43"/>
      <c r="E18" s="43"/>
      <c r="F18" s="51"/>
      <c r="G18" s="7"/>
      <c r="H18" s="37" t="s">
        <v>33</v>
      </c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 t="s">
        <v>44</v>
      </c>
      <c r="T18" s="37"/>
      <c r="U18" s="70"/>
      <c r="V18" s="71"/>
      <c r="W18" s="71"/>
      <c r="X18" s="71"/>
      <c r="Y18" s="37"/>
      <c r="Z18" s="37"/>
      <c r="AA18" s="37" t="s">
        <v>0</v>
      </c>
      <c r="AB18" s="37"/>
      <c r="AC18" s="37"/>
      <c r="AD18" s="37"/>
      <c r="AE18" s="37" t="s">
        <v>1</v>
      </c>
      <c r="AF18" s="37"/>
      <c r="AG18" s="37"/>
      <c r="AH18" s="37"/>
      <c r="AI18" s="37" t="s">
        <v>2</v>
      </c>
      <c r="AJ18" s="37"/>
      <c r="AK18" s="15"/>
    </row>
    <row r="19" spans="2:37" s="2" customFormat="1" ht="15" customHeight="1" x14ac:dyDescent="0.15">
      <c r="B19" s="34"/>
      <c r="C19" s="35"/>
      <c r="D19" s="35"/>
      <c r="E19" s="35"/>
      <c r="F19" s="36"/>
      <c r="G19" s="1"/>
      <c r="H19" s="38"/>
      <c r="I19" s="38"/>
      <c r="J19" s="38"/>
      <c r="K19" s="38"/>
      <c r="L19" s="38"/>
      <c r="M19" s="38"/>
      <c r="N19" s="38"/>
      <c r="O19" s="38"/>
      <c r="P19" s="38"/>
      <c r="Q19" s="38"/>
      <c r="R19" s="38"/>
      <c r="S19" s="38"/>
      <c r="T19" s="38"/>
      <c r="U19" s="72"/>
      <c r="V19" s="73"/>
      <c r="W19" s="73"/>
      <c r="X19" s="73"/>
      <c r="Y19" s="38"/>
      <c r="Z19" s="38"/>
      <c r="AA19" s="38"/>
      <c r="AB19" s="38"/>
      <c r="AC19" s="38"/>
      <c r="AD19" s="38"/>
      <c r="AE19" s="38"/>
      <c r="AF19" s="38"/>
      <c r="AG19" s="38"/>
      <c r="AH19" s="38"/>
      <c r="AI19" s="38"/>
      <c r="AJ19" s="38"/>
      <c r="AK19" s="16"/>
    </row>
    <row r="20" spans="2:37" s="2" customFormat="1" ht="15" customHeight="1" x14ac:dyDescent="0.15">
      <c r="B20" s="48"/>
      <c r="C20" s="45"/>
      <c r="D20" s="45"/>
      <c r="E20" s="45"/>
      <c r="F20" s="49"/>
      <c r="G20" s="8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74"/>
      <c r="V20" s="75"/>
      <c r="W20" s="75"/>
      <c r="X20" s="75"/>
      <c r="Y20" s="39"/>
      <c r="Z20" s="39"/>
      <c r="AA20" s="39"/>
      <c r="AB20" s="39"/>
      <c r="AC20" s="39"/>
      <c r="AD20" s="39"/>
      <c r="AE20" s="39"/>
      <c r="AF20" s="39"/>
      <c r="AG20" s="39"/>
      <c r="AH20" s="39"/>
      <c r="AI20" s="39"/>
      <c r="AJ20" s="39"/>
      <c r="AK20" s="17"/>
    </row>
    <row r="21" spans="2:37" s="2" customFormat="1" ht="15" customHeight="1" x14ac:dyDescent="0.15">
      <c r="B21" s="46" t="s">
        <v>9</v>
      </c>
      <c r="C21" s="46"/>
      <c r="D21" s="46"/>
      <c r="E21" s="46"/>
      <c r="F21" s="46"/>
      <c r="G21" s="62" t="s">
        <v>34</v>
      </c>
      <c r="H21" s="63"/>
      <c r="I21" s="37" t="s">
        <v>11</v>
      </c>
      <c r="J21" s="37"/>
      <c r="K21" s="37"/>
      <c r="L21" s="64"/>
      <c r="M21" s="62" t="s">
        <v>34</v>
      </c>
      <c r="N21" s="63"/>
      <c r="O21" s="37" t="s">
        <v>12</v>
      </c>
      <c r="P21" s="37"/>
      <c r="Q21" s="37"/>
      <c r="R21" s="63" t="s">
        <v>34</v>
      </c>
      <c r="S21" s="63"/>
      <c r="T21" s="37" t="s">
        <v>13</v>
      </c>
      <c r="U21" s="37"/>
      <c r="V21" s="37"/>
      <c r="W21" s="18"/>
      <c r="X21" s="69" t="s">
        <v>10</v>
      </c>
      <c r="Y21" s="63"/>
      <c r="Z21" s="37" t="s">
        <v>14</v>
      </c>
      <c r="AA21" s="37"/>
      <c r="AB21" s="37"/>
      <c r="AC21" s="37"/>
      <c r="AD21" s="37"/>
      <c r="AE21" s="37"/>
      <c r="AF21" s="65" t="s">
        <v>35</v>
      </c>
      <c r="AG21" s="65"/>
      <c r="AH21" s="65"/>
      <c r="AI21" s="65"/>
      <c r="AJ21" s="65"/>
      <c r="AK21" s="66"/>
    </row>
    <row r="22" spans="2:37" s="2" customFormat="1" ht="15" customHeight="1" x14ac:dyDescent="0.15">
      <c r="B22" s="46"/>
      <c r="C22" s="46"/>
      <c r="D22" s="46"/>
      <c r="E22" s="46"/>
      <c r="F22" s="46"/>
      <c r="G22" s="30"/>
      <c r="H22" s="31"/>
      <c r="I22" s="38"/>
      <c r="J22" s="38"/>
      <c r="K22" s="38"/>
      <c r="L22" s="41"/>
      <c r="M22" s="30"/>
      <c r="N22" s="31"/>
      <c r="O22" s="38"/>
      <c r="P22" s="38"/>
      <c r="Q22" s="38"/>
      <c r="R22" s="31"/>
      <c r="S22" s="31"/>
      <c r="T22" s="38"/>
      <c r="U22" s="38"/>
      <c r="V22" s="38"/>
      <c r="W22" s="14"/>
      <c r="X22" s="59"/>
      <c r="Y22" s="31"/>
      <c r="Z22" s="38"/>
      <c r="AA22" s="38"/>
      <c r="AB22" s="38"/>
      <c r="AC22" s="38"/>
      <c r="AD22" s="38"/>
      <c r="AE22" s="38"/>
      <c r="AF22" s="67"/>
      <c r="AG22" s="67"/>
      <c r="AH22" s="67"/>
      <c r="AI22" s="67"/>
      <c r="AJ22" s="67"/>
      <c r="AK22" s="68"/>
    </row>
    <row r="23" spans="2:37" s="2" customFormat="1" ht="15" customHeight="1" x14ac:dyDescent="0.15">
      <c r="B23" s="46"/>
      <c r="C23" s="46"/>
      <c r="D23" s="46"/>
      <c r="E23" s="46"/>
      <c r="F23" s="46"/>
      <c r="G23" s="4"/>
      <c r="H23" s="14"/>
      <c r="I23" s="14"/>
      <c r="J23" s="14"/>
      <c r="K23" s="14"/>
      <c r="L23" s="16"/>
      <c r="M23" s="30" t="s">
        <v>10</v>
      </c>
      <c r="N23" s="31"/>
      <c r="O23" s="38" t="s">
        <v>15</v>
      </c>
      <c r="P23" s="38"/>
      <c r="Q23" s="38"/>
      <c r="R23" s="31" t="s">
        <v>10</v>
      </c>
      <c r="S23" s="31"/>
      <c r="T23" s="38" t="s">
        <v>16</v>
      </c>
      <c r="U23" s="38"/>
      <c r="V23" s="38"/>
      <c r="W23" s="14"/>
      <c r="X23" s="59" t="s">
        <v>10</v>
      </c>
      <c r="Y23" s="31"/>
      <c r="Z23" s="38" t="s">
        <v>17</v>
      </c>
      <c r="AA23" s="38"/>
      <c r="AB23" s="38"/>
      <c r="AC23" s="38"/>
      <c r="AD23" s="38"/>
      <c r="AE23" s="38"/>
      <c r="AF23" s="38"/>
      <c r="AG23" s="38"/>
      <c r="AH23" s="38"/>
      <c r="AI23" s="38"/>
      <c r="AJ23" s="38"/>
      <c r="AK23" s="41"/>
    </row>
    <row r="24" spans="2:37" s="2" customFormat="1" ht="15" customHeight="1" x14ac:dyDescent="0.15">
      <c r="B24" s="46"/>
      <c r="C24" s="46"/>
      <c r="D24" s="46"/>
      <c r="E24" s="46"/>
      <c r="F24" s="46"/>
      <c r="G24" s="4"/>
      <c r="H24" s="14"/>
      <c r="I24" s="14"/>
      <c r="J24" s="14"/>
      <c r="K24" s="14"/>
      <c r="L24" s="16"/>
      <c r="M24" s="30"/>
      <c r="N24" s="31"/>
      <c r="O24" s="38"/>
      <c r="P24" s="38"/>
      <c r="Q24" s="38"/>
      <c r="R24" s="31"/>
      <c r="S24" s="31"/>
      <c r="T24" s="38"/>
      <c r="U24" s="38"/>
      <c r="V24" s="38"/>
      <c r="W24" s="14"/>
      <c r="X24" s="59"/>
      <c r="Y24" s="31"/>
      <c r="Z24" s="38"/>
      <c r="AA24" s="38"/>
      <c r="AB24" s="38"/>
      <c r="AC24" s="38"/>
      <c r="AD24" s="38"/>
      <c r="AE24" s="38"/>
      <c r="AF24" s="38"/>
      <c r="AG24" s="38"/>
      <c r="AH24" s="38"/>
      <c r="AI24" s="38"/>
      <c r="AJ24" s="38"/>
      <c r="AK24" s="41"/>
    </row>
    <row r="25" spans="2:37" s="2" customFormat="1" ht="15" customHeight="1" x14ac:dyDescent="0.15">
      <c r="B25" s="47"/>
      <c r="C25" s="47"/>
      <c r="D25" s="47"/>
      <c r="E25" s="47"/>
      <c r="F25" s="47"/>
      <c r="G25" s="30" t="s">
        <v>10</v>
      </c>
      <c r="H25" s="31"/>
      <c r="I25" s="38" t="s">
        <v>18</v>
      </c>
      <c r="J25" s="38"/>
      <c r="K25" s="38"/>
      <c r="L25" s="41"/>
      <c r="M25" s="30" t="s">
        <v>10</v>
      </c>
      <c r="N25" s="31"/>
      <c r="O25" s="38" t="s">
        <v>19</v>
      </c>
      <c r="P25" s="38"/>
      <c r="Q25" s="38"/>
      <c r="R25" s="31" t="s">
        <v>10</v>
      </c>
      <c r="S25" s="31"/>
      <c r="T25" s="38" t="s">
        <v>20</v>
      </c>
      <c r="U25" s="38"/>
      <c r="V25" s="38"/>
      <c r="W25" s="14"/>
      <c r="X25" s="59" t="s">
        <v>10</v>
      </c>
      <c r="Y25" s="31"/>
      <c r="Z25" s="38" t="s">
        <v>21</v>
      </c>
      <c r="AA25" s="38"/>
      <c r="AB25" s="38"/>
      <c r="AC25" s="38"/>
      <c r="AD25" s="38"/>
      <c r="AE25" s="38"/>
      <c r="AF25" s="38"/>
      <c r="AG25" s="38"/>
      <c r="AH25" s="38"/>
      <c r="AI25" s="38"/>
      <c r="AJ25" s="38"/>
      <c r="AK25" s="41"/>
    </row>
    <row r="26" spans="2:37" s="2" customFormat="1" ht="15" customHeight="1" x14ac:dyDescent="0.15">
      <c r="B26" s="61"/>
      <c r="C26" s="61"/>
      <c r="D26" s="61"/>
      <c r="E26" s="61"/>
      <c r="F26" s="61"/>
      <c r="G26" s="32"/>
      <c r="H26" s="33"/>
      <c r="I26" s="39"/>
      <c r="J26" s="39"/>
      <c r="K26" s="39"/>
      <c r="L26" s="42"/>
      <c r="M26" s="32"/>
      <c r="N26" s="33"/>
      <c r="O26" s="39"/>
      <c r="P26" s="39"/>
      <c r="Q26" s="39"/>
      <c r="R26" s="33"/>
      <c r="S26" s="33"/>
      <c r="T26" s="39"/>
      <c r="U26" s="39"/>
      <c r="V26" s="39"/>
      <c r="W26" s="19"/>
      <c r="X26" s="60"/>
      <c r="Y26" s="33"/>
      <c r="Z26" s="39"/>
      <c r="AA26" s="39"/>
      <c r="AB26" s="39"/>
      <c r="AC26" s="39"/>
      <c r="AD26" s="39"/>
      <c r="AE26" s="39"/>
      <c r="AF26" s="39"/>
      <c r="AG26" s="39"/>
      <c r="AH26" s="39"/>
      <c r="AI26" s="39"/>
      <c r="AJ26" s="39"/>
      <c r="AK26" s="42"/>
    </row>
    <row r="27" spans="2:37" s="2" customFormat="1" ht="15" customHeight="1" x14ac:dyDescent="0.15">
      <c r="B27" s="50" t="s">
        <v>7</v>
      </c>
      <c r="C27" s="43"/>
      <c r="D27" s="43"/>
      <c r="E27" s="43"/>
      <c r="F27" s="51"/>
      <c r="G27" s="7"/>
      <c r="H27" s="43" t="s">
        <v>8</v>
      </c>
      <c r="I27" s="43"/>
      <c r="J27" s="43"/>
      <c r="K27" s="43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  <c r="AK27" s="10"/>
    </row>
    <row r="28" spans="2:37" s="2" customFormat="1" ht="15" customHeight="1" x14ac:dyDescent="0.15">
      <c r="B28" s="34"/>
      <c r="C28" s="35"/>
      <c r="D28" s="35"/>
      <c r="E28" s="35"/>
      <c r="F28" s="36"/>
      <c r="G28" s="1"/>
      <c r="H28" s="44"/>
      <c r="I28" s="44"/>
      <c r="J28" s="44"/>
      <c r="K28" s="44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  <c r="AD28" s="1"/>
      <c r="AE28" s="1"/>
      <c r="AF28" s="1"/>
      <c r="AG28" s="1"/>
      <c r="AH28" s="1"/>
      <c r="AI28" s="1"/>
      <c r="AJ28" s="1"/>
      <c r="AK28" s="11"/>
    </row>
    <row r="29" spans="2:37" s="2" customFormat="1" ht="15" customHeight="1" x14ac:dyDescent="0.15">
      <c r="B29" s="34"/>
      <c r="C29" s="35"/>
      <c r="D29" s="35"/>
      <c r="E29" s="35"/>
      <c r="F29" s="36"/>
      <c r="G29" s="1"/>
      <c r="H29" s="44"/>
      <c r="I29" s="44"/>
      <c r="J29" s="44"/>
      <c r="K29" s="44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  <c r="AA29" s="1"/>
      <c r="AB29" s="1"/>
      <c r="AC29" s="1"/>
      <c r="AD29" s="1"/>
      <c r="AE29" s="1"/>
      <c r="AF29" s="1"/>
      <c r="AG29" s="1"/>
      <c r="AH29" s="1"/>
      <c r="AI29" s="1"/>
      <c r="AJ29" s="1"/>
      <c r="AK29" s="11"/>
    </row>
    <row r="30" spans="2:37" s="2" customFormat="1" ht="15" customHeight="1" x14ac:dyDescent="0.15">
      <c r="B30" s="34"/>
      <c r="C30" s="35"/>
      <c r="D30" s="35"/>
      <c r="E30" s="35"/>
      <c r="F30" s="36"/>
      <c r="G30" s="1"/>
      <c r="H30" s="44"/>
      <c r="I30" s="44"/>
      <c r="J30" s="44"/>
      <c r="K30" s="44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  <c r="AK30" s="11"/>
    </row>
    <row r="31" spans="2:37" s="2" customFormat="1" ht="15" customHeight="1" x14ac:dyDescent="0.15">
      <c r="B31" s="48"/>
      <c r="C31" s="45"/>
      <c r="D31" s="45"/>
      <c r="E31" s="45"/>
      <c r="F31" s="49"/>
      <c r="G31" s="8"/>
      <c r="H31" s="45"/>
      <c r="I31" s="45"/>
      <c r="J31" s="45"/>
      <c r="K31" s="45"/>
      <c r="L31" s="8"/>
      <c r="M31" s="8"/>
      <c r="N31" s="8"/>
      <c r="O31" s="8"/>
      <c r="P31" s="8"/>
      <c r="Q31" s="8"/>
      <c r="R31" s="8"/>
      <c r="S31" s="8"/>
      <c r="T31" s="8"/>
      <c r="U31" s="8"/>
      <c r="V31" s="8"/>
      <c r="W31" s="8"/>
      <c r="X31" s="8"/>
      <c r="Y31" s="8"/>
      <c r="Z31" s="8"/>
      <c r="AA31" s="8"/>
      <c r="AB31" s="8"/>
      <c r="AC31" s="8"/>
      <c r="AD31" s="8"/>
      <c r="AE31" s="8"/>
      <c r="AF31" s="8"/>
      <c r="AG31" s="8"/>
      <c r="AH31" s="8"/>
      <c r="AI31" s="8"/>
      <c r="AJ31" s="8"/>
      <c r="AK31" s="12"/>
    </row>
    <row r="32" spans="2:37" s="2" customFormat="1" ht="15" customHeight="1" x14ac:dyDescent="0.15">
      <c r="B32" s="50" t="s">
        <v>36</v>
      </c>
      <c r="C32" s="43"/>
      <c r="D32" s="43"/>
      <c r="E32" s="43"/>
      <c r="F32" s="51"/>
      <c r="G32" s="5"/>
      <c r="H32" s="43"/>
      <c r="I32" s="43"/>
      <c r="J32" s="43"/>
      <c r="K32" s="43"/>
      <c r="L32" s="37"/>
      <c r="M32" s="37"/>
      <c r="N32" s="37"/>
      <c r="O32" s="37" t="s">
        <v>0</v>
      </c>
      <c r="P32" s="37"/>
      <c r="Q32" s="37"/>
      <c r="R32" s="37"/>
      <c r="S32" s="37"/>
      <c r="T32" s="37" t="s">
        <v>1</v>
      </c>
      <c r="U32" s="37"/>
      <c r="V32" s="37"/>
      <c r="W32" s="37"/>
      <c r="X32" s="37"/>
      <c r="Y32" s="37" t="s">
        <v>2</v>
      </c>
      <c r="Z32" s="37"/>
      <c r="AA32" s="7"/>
      <c r="AB32" s="7"/>
      <c r="AC32" s="7"/>
      <c r="AD32" s="7"/>
      <c r="AE32" s="7"/>
      <c r="AF32" s="7"/>
      <c r="AG32" s="7"/>
      <c r="AH32" s="7"/>
      <c r="AI32" s="7"/>
      <c r="AJ32" s="7"/>
      <c r="AK32" s="10"/>
    </row>
    <row r="33" spans="2:37" s="2" customFormat="1" ht="15" customHeight="1" x14ac:dyDescent="0.15">
      <c r="B33" s="34"/>
      <c r="C33" s="35"/>
      <c r="D33" s="35"/>
      <c r="E33" s="35"/>
      <c r="F33" s="36"/>
      <c r="G33" s="4"/>
      <c r="H33" s="44"/>
      <c r="I33" s="44"/>
      <c r="J33" s="44"/>
      <c r="K33" s="44"/>
      <c r="L33" s="38"/>
      <c r="M33" s="38"/>
      <c r="N33" s="38"/>
      <c r="O33" s="38"/>
      <c r="P33" s="38"/>
      <c r="Q33" s="38"/>
      <c r="R33" s="38"/>
      <c r="S33" s="38"/>
      <c r="T33" s="38"/>
      <c r="U33" s="38"/>
      <c r="V33" s="38"/>
      <c r="W33" s="38"/>
      <c r="X33" s="38"/>
      <c r="Y33" s="38"/>
      <c r="Z33" s="38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1"/>
    </row>
    <row r="34" spans="2:37" s="2" customFormat="1" ht="15" customHeight="1" x14ac:dyDescent="0.15">
      <c r="B34" s="34"/>
      <c r="C34" s="35"/>
      <c r="D34" s="35"/>
      <c r="E34" s="35"/>
      <c r="F34" s="36"/>
      <c r="G34" s="4"/>
      <c r="H34" s="44"/>
      <c r="I34" s="44"/>
      <c r="J34" s="44"/>
      <c r="K34" s="44"/>
      <c r="L34" s="38"/>
      <c r="M34" s="38"/>
      <c r="N34" s="38"/>
      <c r="O34" s="38"/>
      <c r="P34" s="38"/>
      <c r="Q34" s="38"/>
      <c r="R34" s="38"/>
      <c r="S34" s="38"/>
      <c r="T34" s="38"/>
      <c r="U34" s="38"/>
      <c r="V34" s="38"/>
      <c r="W34" s="38"/>
      <c r="X34" s="38"/>
      <c r="Y34" s="38"/>
      <c r="Z34" s="38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1"/>
    </row>
    <row r="35" spans="2:37" s="2" customFormat="1" ht="15" customHeight="1" x14ac:dyDescent="0.15">
      <c r="B35" s="34"/>
      <c r="C35" s="35"/>
      <c r="D35" s="35"/>
      <c r="E35" s="35"/>
      <c r="F35" s="36"/>
      <c r="G35" s="4"/>
      <c r="H35" s="44"/>
      <c r="I35" s="44"/>
      <c r="J35" s="44"/>
      <c r="K35" s="44"/>
      <c r="L35" s="38"/>
      <c r="M35" s="38"/>
      <c r="N35" s="38"/>
      <c r="O35" s="38"/>
      <c r="P35" s="38"/>
      <c r="Q35" s="38"/>
      <c r="R35" s="38"/>
      <c r="S35" s="38"/>
      <c r="T35" s="38"/>
      <c r="U35" s="38"/>
      <c r="V35" s="38"/>
      <c r="W35" s="38"/>
      <c r="X35" s="38"/>
      <c r="Y35" s="38"/>
      <c r="Z35" s="38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1"/>
    </row>
    <row r="36" spans="2:37" s="2" customFormat="1" ht="15" customHeight="1" x14ac:dyDescent="0.15">
      <c r="B36" s="48"/>
      <c r="C36" s="45"/>
      <c r="D36" s="45"/>
      <c r="E36" s="45"/>
      <c r="F36" s="49"/>
      <c r="G36" s="6"/>
      <c r="H36" s="45"/>
      <c r="I36" s="45"/>
      <c r="J36" s="45"/>
      <c r="K36" s="45"/>
      <c r="L36" s="39"/>
      <c r="M36" s="39"/>
      <c r="N36" s="39"/>
      <c r="O36" s="39"/>
      <c r="P36" s="39"/>
      <c r="Q36" s="39"/>
      <c r="R36" s="39"/>
      <c r="S36" s="39"/>
      <c r="T36" s="39"/>
      <c r="U36" s="39"/>
      <c r="V36" s="39"/>
      <c r="W36" s="39"/>
      <c r="X36" s="39"/>
      <c r="Y36" s="39"/>
      <c r="Z36" s="39"/>
      <c r="AA36" s="8"/>
      <c r="AB36" s="8"/>
      <c r="AC36" s="8"/>
      <c r="AD36" s="8"/>
      <c r="AE36" s="8"/>
      <c r="AF36" s="8"/>
      <c r="AG36" s="8"/>
      <c r="AH36" s="8"/>
      <c r="AI36" s="8"/>
      <c r="AJ36" s="8"/>
      <c r="AK36" s="12"/>
    </row>
    <row r="37" spans="2:37" s="2" customFormat="1" ht="12" customHeight="1" x14ac:dyDescent="0.15">
      <c r="B37" s="34" t="s">
        <v>25</v>
      </c>
      <c r="C37" s="35"/>
      <c r="D37" s="35"/>
      <c r="E37" s="35"/>
      <c r="F37" s="36"/>
      <c r="H37" s="43" t="s">
        <v>22</v>
      </c>
      <c r="I37" s="43"/>
      <c r="J37" s="43"/>
      <c r="K37" s="43"/>
      <c r="L37" s="7"/>
      <c r="M37" s="7"/>
      <c r="N37" s="7"/>
      <c r="O37" s="7"/>
      <c r="P37" s="7"/>
      <c r="Q37" s="7"/>
      <c r="R37" s="7"/>
      <c r="S37" s="7"/>
      <c r="T37" s="7"/>
      <c r="U37" s="7"/>
      <c r="V37" s="7"/>
      <c r="W37" s="7"/>
      <c r="X37" s="7"/>
      <c r="Y37" s="7"/>
      <c r="Z37" s="7"/>
      <c r="AA37" s="7"/>
      <c r="AB37" s="7"/>
      <c r="AC37" s="7"/>
      <c r="AD37" s="7"/>
      <c r="AE37" s="7"/>
      <c r="AF37" s="7"/>
      <c r="AG37" s="7"/>
      <c r="AH37" s="7"/>
      <c r="AI37" s="7"/>
      <c r="AJ37" s="7"/>
      <c r="AK37" s="10"/>
    </row>
    <row r="38" spans="2:37" s="2" customFormat="1" ht="12" customHeight="1" x14ac:dyDescent="0.15">
      <c r="B38" s="34"/>
      <c r="C38" s="35"/>
      <c r="D38" s="35"/>
      <c r="E38" s="35"/>
      <c r="F38" s="36"/>
      <c r="G38" s="22"/>
      <c r="H38" s="44"/>
      <c r="I38" s="44"/>
      <c r="J38" s="44"/>
      <c r="K38" s="44"/>
      <c r="L38" s="28"/>
      <c r="M38" s="28"/>
      <c r="N38" s="28"/>
      <c r="O38" s="28"/>
      <c r="P38" s="28"/>
      <c r="Q38" s="28"/>
      <c r="R38" s="28"/>
      <c r="S38" s="28"/>
      <c r="T38" s="28"/>
      <c r="U38" s="28"/>
      <c r="V38" s="28"/>
      <c r="W38" s="28"/>
      <c r="X38" s="28"/>
      <c r="Y38" s="28"/>
      <c r="Z38" s="28"/>
      <c r="AA38" s="28"/>
      <c r="AB38" s="28"/>
      <c r="AC38" s="28"/>
      <c r="AD38" s="28"/>
      <c r="AE38" s="28"/>
      <c r="AF38" s="28"/>
      <c r="AG38" s="28"/>
      <c r="AH38" s="28"/>
      <c r="AI38" s="28"/>
      <c r="AJ38" s="28"/>
      <c r="AK38" s="11"/>
    </row>
    <row r="39" spans="2:37" s="2" customFormat="1" ht="12" customHeight="1" x14ac:dyDescent="0.15">
      <c r="B39" s="34"/>
      <c r="C39" s="35"/>
      <c r="D39" s="35"/>
      <c r="E39" s="35"/>
      <c r="F39" s="36"/>
      <c r="G39" s="22"/>
      <c r="H39" s="44"/>
      <c r="I39" s="44"/>
      <c r="J39" s="44"/>
      <c r="K39" s="44"/>
      <c r="L39" s="28"/>
      <c r="M39" s="28"/>
      <c r="N39" s="28"/>
      <c r="O39" s="28"/>
      <c r="P39" s="28"/>
      <c r="Q39" s="28"/>
      <c r="R39" s="28"/>
      <c r="S39" s="28"/>
      <c r="T39" s="28"/>
      <c r="U39" s="28"/>
      <c r="V39" s="28"/>
      <c r="W39" s="28"/>
      <c r="X39" s="28"/>
      <c r="Y39" s="28"/>
      <c r="Z39" s="28"/>
      <c r="AA39" s="28"/>
      <c r="AB39" s="28"/>
      <c r="AC39" s="28"/>
      <c r="AD39" s="28"/>
      <c r="AE39" s="28"/>
      <c r="AF39" s="28"/>
      <c r="AG39" s="28"/>
      <c r="AH39" s="28"/>
      <c r="AI39" s="28"/>
      <c r="AJ39" s="28"/>
      <c r="AK39" s="11"/>
    </row>
    <row r="40" spans="2:37" s="2" customFormat="1" ht="12" customHeight="1" x14ac:dyDescent="0.15">
      <c r="B40" s="34"/>
      <c r="C40" s="35"/>
      <c r="D40" s="35"/>
      <c r="E40" s="35"/>
      <c r="F40" s="36"/>
      <c r="G40" s="22"/>
      <c r="H40" s="44"/>
      <c r="I40" s="44"/>
      <c r="J40" s="44"/>
      <c r="K40" s="44"/>
      <c r="L40" s="28"/>
      <c r="M40" s="28"/>
      <c r="N40" s="28"/>
      <c r="O40" s="28"/>
      <c r="P40" s="28"/>
      <c r="Q40" s="28"/>
      <c r="R40" s="28"/>
      <c r="S40" s="28"/>
      <c r="T40" s="28"/>
      <c r="U40" s="28"/>
      <c r="V40" s="28"/>
      <c r="W40" s="28"/>
      <c r="X40" s="28"/>
      <c r="Y40" s="28"/>
      <c r="Z40" s="28"/>
      <c r="AA40" s="28"/>
      <c r="AB40" s="28"/>
      <c r="AC40" s="28"/>
      <c r="AD40" s="28"/>
      <c r="AE40" s="28"/>
      <c r="AF40" s="28"/>
      <c r="AG40" s="28"/>
      <c r="AH40" s="28"/>
      <c r="AI40" s="28"/>
      <c r="AJ40" s="28"/>
      <c r="AK40" s="11"/>
    </row>
    <row r="41" spans="2:37" s="2" customFormat="1" ht="12" customHeight="1" x14ac:dyDescent="0.15">
      <c r="B41" s="34"/>
      <c r="C41" s="35"/>
      <c r="D41" s="35"/>
      <c r="E41" s="35"/>
      <c r="F41" s="36"/>
      <c r="H41" s="44" t="s">
        <v>29</v>
      </c>
      <c r="I41" s="44"/>
      <c r="J41" s="44"/>
      <c r="K41" s="44"/>
      <c r="L41" s="28"/>
      <c r="M41" s="28"/>
      <c r="N41" s="28"/>
      <c r="O41" s="28"/>
      <c r="P41" s="28"/>
      <c r="Q41" s="28"/>
      <c r="R41" s="28"/>
      <c r="S41" s="28"/>
      <c r="T41" s="28"/>
      <c r="U41" s="28"/>
      <c r="V41" s="28"/>
      <c r="W41" s="28"/>
      <c r="X41" s="28"/>
      <c r="Y41" s="28"/>
      <c r="Z41" s="28"/>
      <c r="AA41" s="28"/>
      <c r="AB41" s="28"/>
      <c r="AC41" s="28"/>
      <c r="AD41" s="28"/>
      <c r="AE41" s="28"/>
      <c r="AF41" s="28"/>
      <c r="AG41" s="28"/>
      <c r="AH41" s="28"/>
      <c r="AJ41" s="28"/>
      <c r="AK41" s="11"/>
    </row>
    <row r="42" spans="2:37" s="2" customFormat="1" ht="12" customHeight="1" x14ac:dyDescent="0.15">
      <c r="B42" s="34"/>
      <c r="C42" s="35"/>
      <c r="D42" s="35"/>
      <c r="E42" s="35"/>
      <c r="F42" s="36"/>
      <c r="G42" s="22"/>
      <c r="H42" s="44"/>
      <c r="I42" s="44"/>
      <c r="J42" s="44"/>
      <c r="K42" s="44"/>
      <c r="L42" s="28"/>
      <c r="M42" s="28"/>
      <c r="N42" s="28"/>
      <c r="O42" s="28"/>
      <c r="P42" s="28"/>
      <c r="Q42" s="28"/>
      <c r="R42" s="28"/>
      <c r="S42" s="28"/>
      <c r="T42" s="28"/>
      <c r="U42" s="28"/>
      <c r="V42" s="28"/>
      <c r="W42" s="28"/>
      <c r="X42" s="28"/>
      <c r="Y42" s="28"/>
      <c r="Z42" s="28"/>
      <c r="AA42" s="28"/>
      <c r="AB42" s="28"/>
      <c r="AC42" s="28"/>
      <c r="AD42" s="28"/>
      <c r="AE42" s="28"/>
      <c r="AF42" s="28"/>
      <c r="AG42" s="28"/>
      <c r="AH42" s="28"/>
      <c r="AI42" s="28"/>
      <c r="AJ42" s="28"/>
      <c r="AK42" s="11"/>
    </row>
    <row r="43" spans="2:37" ht="12" customHeight="1" x14ac:dyDescent="0.15">
      <c r="B43" s="34"/>
      <c r="C43" s="35"/>
      <c r="D43" s="35"/>
      <c r="E43" s="35"/>
      <c r="F43" s="36"/>
      <c r="G43" s="22"/>
      <c r="H43" s="44"/>
      <c r="I43" s="44"/>
      <c r="J43" s="44"/>
      <c r="K43" s="44"/>
      <c r="L43" s="28"/>
      <c r="M43" s="28"/>
      <c r="N43" s="28"/>
      <c r="O43" s="28"/>
      <c r="P43" s="28"/>
      <c r="Q43" s="28"/>
      <c r="R43" s="28"/>
      <c r="S43" s="28"/>
      <c r="T43" s="28"/>
      <c r="U43" s="28"/>
      <c r="V43" s="28"/>
      <c r="W43" s="28"/>
      <c r="X43" s="28"/>
      <c r="Y43" s="28"/>
      <c r="Z43" s="28"/>
      <c r="AA43" s="28"/>
      <c r="AB43" s="28"/>
      <c r="AC43" s="28"/>
      <c r="AD43" s="28"/>
      <c r="AE43" s="28"/>
      <c r="AF43" s="28"/>
      <c r="AG43" s="28"/>
      <c r="AH43" s="28"/>
      <c r="AI43" s="28"/>
      <c r="AJ43" s="28"/>
      <c r="AK43" s="11"/>
    </row>
    <row r="44" spans="2:37" ht="12" customHeight="1" x14ac:dyDescent="0.15">
      <c r="B44" s="34"/>
      <c r="C44" s="35"/>
      <c r="D44" s="35"/>
      <c r="E44" s="35"/>
      <c r="F44" s="36"/>
      <c r="G44" s="21"/>
      <c r="H44" s="45"/>
      <c r="I44" s="45"/>
      <c r="J44" s="45"/>
      <c r="K44" s="45"/>
      <c r="L44" s="8"/>
      <c r="M44" s="8"/>
      <c r="N44" s="8"/>
      <c r="O44" s="8"/>
      <c r="P44" s="8"/>
      <c r="Q44" s="8"/>
      <c r="R44" s="8"/>
      <c r="S44" s="8"/>
      <c r="T44" s="8"/>
      <c r="U44" s="8"/>
      <c r="V44" s="8"/>
      <c r="W44" s="8"/>
      <c r="X44" s="8"/>
      <c r="Y44" s="8"/>
      <c r="Z44" s="8"/>
      <c r="AA44" s="8"/>
      <c r="AB44" s="8"/>
      <c r="AC44" s="8"/>
      <c r="AD44" s="8"/>
      <c r="AE44" s="8"/>
      <c r="AF44" s="8"/>
      <c r="AG44" s="8"/>
      <c r="AH44" s="8"/>
      <c r="AI44" s="8"/>
      <c r="AJ44" s="8"/>
      <c r="AK44" s="12"/>
    </row>
    <row r="45" spans="2:37" ht="12" customHeight="1" x14ac:dyDescent="0.15">
      <c r="B45" s="50" t="s">
        <v>26</v>
      </c>
      <c r="C45" s="43"/>
      <c r="D45" s="43"/>
      <c r="E45" s="43"/>
      <c r="F45" s="51"/>
      <c r="H45" s="43" t="s">
        <v>23</v>
      </c>
      <c r="I45" s="43"/>
      <c r="J45" s="43"/>
      <c r="K45" s="43"/>
      <c r="L45" s="7"/>
      <c r="M45" s="7"/>
      <c r="N45" s="7"/>
      <c r="O45" s="7"/>
      <c r="P45" s="7"/>
      <c r="Q45" s="7"/>
      <c r="R45" s="7"/>
      <c r="S45" s="7"/>
      <c r="T45" s="7"/>
      <c r="U45" s="7"/>
      <c r="V45" s="7"/>
      <c r="W45" s="7"/>
      <c r="X45" s="7"/>
      <c r="Y45" s="7"/>
      <c r="Z45" s="7"/>
      <c r="AA45" s="7"/>
      <c r="AB45" s="7"/>
      <c r="AC45" s="7"/>
      <c r="AD45" s="7"/>
      <c r="AE45" s="7"/>
      <c r="AF45" s="7"/>
      <c r="AG45" s="7"/>
      <c r="AH45" s="7"/>
      <c r="AI45" s="52"/>
      <c r="AJ45" s="52"/>
      <c r="AK45" s="53"/>
    </row>
    <row r="46" spans="2:37" ht="12" customHeight="1" x14ac:dyDescent="0.15">
      <c r="B46" s="34"/>
      <c r="C46" s="35"/>
      <c r="D46" s="35"/>
      <c r="E46" s="35"/>
      <c r="F46" s="36"/>
      <c r="G46" s="22"/>
      <c r="H46" s="44"/>
      <c r="I46" s="44"/>
      <c r="J46" s="44"/>
      <c r="K46" s="44"/>
      <c r="L46" s="28"/>
      <c r="M46" s="28"/>
      <c r="N46" s="28"/>
      <c r="O46" s="28"/>
      <c r="P46" s="28"/>
      <c r="Q46" s="28"/>
      <c r="R46" s="28"/>
      <c r="S46" s="28"/>
      <c r="T46" s="28"/>
      <c r="U46" s="28"/>
      <c r="V46" s="28"/>
      <c r="W46" s="28"/>
      <c r="X46" s="28"/>
      <c r="Y46" s="28"/>
      <c r="Z46" s="28"/>
      <c r="AA46" s="28"/>
      <c r="AB46" s="28"/>
      <c r="AC46" s="28"/>
      <c r="AD46" s="28"/>
      <c r="AE46" s="28"/>
      <c r="AF46" s="28"/>
      <c r="AG46" s="28"/>
      <c r="AH46" s="28"/>
      <c r="AI46" s="54"/>
      <c r="AJ46" s="54"/>
      <c r="AK46" s="55"/>
    </row>
    <row r="47" spans="2:37" ht="12" customHeight="1" x14ac:dyDescent="0.15">
      <c r="B47" s="34"/>
      <c r="C47" s="35"/>
      <c r="D47" s="35"/>
      <c r="E47" s="35"/>
      <c r="F47" s="36"/>
      <c r="G47" s="22"/>
      <c r="H47" s="44"/>
      <c r="I47" s="44"/>
      <c r="J47" s="44"/>
      <c r="K47" s="44"/>
      <c r="L47" s="28"/>
      <c r="M47" s="28"/>
      <c r="N47" s="28"/>
      <c r="O47" s="28"/>
      <c r="P47" s="28"/>
      <c r="Q47" s="28"/>
      <c r="R47" s="28"/>
      <c r="S47" s="28"/>
      <c r="T47" s="28"/>
      <c r="U47" s="28"/>
      <c r="V47" s="28"/>
      <c r="W47" s="28"/>
      <c r="X47" s="28"/>
      <c r="Y47" s="28"/>
      <c r="Z47" s="28"/>
      <c r="AA47" s="28"/>
      <c r="AB47" s="28"/>
      <c r="AC47" s="28"/>
      <c r="AD47" s="28"/>
      <c r="AE47" s="28"/>
      <c r="AF47" s="28"/>
      <c r="AG47" s="28"/>
      <c r="AH47" s="28"/>
      <c r="AI47" s="54"/>
      <c r="AJ47" s="54"/>
      <c r="AK47" s="55"/>
    </row>
    <row r="48" spans="2:37" ht="12" customHeight="1" x14ac:dyDescent="0.15">
      <c r="B48" s="34"/>
      <c r="C48" s="35"/>
      <c r="D48" s="35"/>
      <c r="E48" s="35"/>
      <c r="F48" s="36"/>
      <c r="G48" s="22"/>
      <c r="H48" s="44"/>
      <c r="I48" s="44"/>
      <c r="J48" s="44"/>
      <c r="K48" s="44"/>
      <c r="L48" s="28"/>
      <c r="M48" s="28"/>
      <c r="N48" s="28"/>
      <c r="O48" s="28"/>
      <c r="P48" s="28"/>
      <c r="Q48" s="28"/>
      <c r="R48" s="28"/>
      <c r="S48" s="28"/>
      <c r="T48" s="28"/>
      <c r="U48" s="28"/>
      <c r="V48" s="28"/>
      <c r="W48" s="28"/>
      <c r="X48" s="28"/>
      <c r="Y48" s="28"/>
      <c r="Z48" s="28"/>
      <c r="AA48" s="28"/>
      <c r="AB48" s="28"/>
      <c r="AC48" s="28"/>
      <c r="AD48" s="28"/>
      <c r="AE48" s="28"/>
      <c r="AF48" s="28"/>
      <c r="AG48" s="28"/>
      <c r="AH48" s="28"/>
      <c r="AI48" s="54"/>
      <c r="AJ48" s="54"/>
      <c r="AK48" s="55"/>
    </row>
    <row r="49" spans="1:38" ht="12" customHeight="1" x14ac:dyDescent="0.15">
      <c r="B49" s="48"/>
      <c r="C49" s="45"/>
      <c r="D49" s="45"/>
      <c r="E49" s="45"/>
      <c r="F49" s="49"/>
      <c r="G49" s="21"/>
      <c r="H49" s="19"/>
      <c r="I49" s="19"/>
      <c r="J49" s="56" t="s">
        <v>27</v>
      </c>
      <c r="K49" s="56"/>
      <c r="L49" s="56"/>
      <c r="M49" s="56"/>
      <c r="N49" s="56"/>
      <c r="O49" s="56"/>
      <c r="P49" s="56"/>
      <c r="Q49" s="56"/>
      <c r="R49" s="57"/>
      <c r="S49" s="57"/>
      <c r="T49" s="57"/>
      <c r="U49" s="57"/>
      <c r="V49" s="57"/>
      <c r="W49" s="8" t="s">
        <v>24</v>
      </c>
      <c r="X49" s="57"/>
      <c r="Y49" s="57"/>
      <c r="Z49" s="57"/>
      <c r="AA49" s="57"/>
      <c r="AB49" s="57"/>
      <c r="AC49" s="57"/>
      <c r="AD49" s="57"/>
      <c r="AE49" s="57"/>
      <c r="AF49" s="57"/>
      <c r="AG49" s="57"/>
      <c r="AH49" s="57"/>
      <c r="AI49" s="57"/>
      <c r="AJ49" s="57"/>
      <c r="AK49" s="58"/>
    </row>
    <row r="50" spans="1:38" ht="12" customHeight="1" x14ac:dyDescent="0.15">
      <c r="B50" s="25"/>
      <c r="C50" s="23"/>
      <c r="D50" s="23"/>
      <c r="E50" s="23"/>
      <c r="F50" s="24"/>
      <c r="G50" s="23"/>
      <c r="H50" s="23"/>
      <c r="I50" s="23"/>
      <c r="J50" s="29"/>
      <c r="K50" s="29"/>
      <c r="L50" s="29"/>
      <c r="M50" s="29"/>
      <c r="N50" s="29"/>
      <c r="O50" s="29"/>
      <c r="P50" s="29"/>
      <c r="Q50" s="29"/>
      <c r="R50" s="7"/>
      <c r="S50" s="7"/>
      <c r="T50" s="7"/>
      <c r="U50" s="7"/>
      <c r="V50" s="5"/>
      <c r="W50" s="7"/>
      <c r="X50" s="7"/>
      <c r="Y50" s="7"/>
      <c r="Z50" s="7"/>
      <c r="AA50" s="10"/>
      <c r="AB50" s="7"/>
      <c r="AC50" s="7"/>
      <c r="AD50" s="7"/>
      <c r="AE50" s="7"/>
      <c r="AF50" s="7"/>
      <c r="AG50" s="7"/>
      <c r="AH50" s="7"/>
      <c r="AI50" s="7"/>
      <c r="AJ50" s="7"/>
      <c r="AK50" s="10"/>
    </row>
    <row r="51" spans="1:38" ht="12" customHeight="1" x14ac:dyDescent="0.15">
      <c r="B51" s="46" t="s">
        <v>28</v>
      </c>
      <c r="C51" s="46"/>
      <c r="D51" s="46"/>
      <c r="E51" s="46"/>
      <c r="F51" s="46"/>
      <c r="G51" s="27"/>
      <c r="H51" s="27"/>
      <c r="I51" s="27"/>
      <c r="J51" s="27"/>
      <c r="K51" s="27"/>
      <c r="L51" s="27"/>
      <c r="M51" s="27"/>
      <c r="N51" s="27"/>
      <c r="O51" s="27"/>
      <c r="P51" s="27"/>
      <c r="Q51" s="27"/>
      <c r="R51" s="27"/>
      <c r="S51" s="27"/>
      <c r="T51" s="27"/>
      <c r="U51" s="27"/>
      <c r="V51" s="34" t="s">
        <v>37</v>
      </c>
      <c r="W51" s="44"/>
      <c r="X51" s="44"/>
      <c r="Y51" s="44"/>
      <c r="Z51" s="44"/>
      <c r="AA51" s="36"/>
      <c r="AB51" s="40"/>
      <c r="AC51" s="40"/>
      <c r="AD51" s="40"/>
      <c r="AE51" s="40"/>
      <c r="AF51" s="40"/>
      <c r="AG51" s="40"/>
      <c r="AH51" s="40"/>
      <c r="AI51" s="40"/>
      <c r="AJ51" s="40" t="s">
        <v>38</v>
      </c>
      <c r="AK51" s="41"/>
    </row>
    <row r="52" spans="1:38" ht="12" customHeight="1" x14ac:dyDescent="0.15">
      <c r="B52" s="47"/>
      <c r="C52" s="47"/>
      <c r="D52" s="47"/>
      <c r="E52" s="47"/>
      <c r="F52" s="47"/>
      <c r="G52" s="14"/>
      <c r="H52" s="35" t="s">
        <v>39</v>
      </c>
      <c r="I52" s="35"/>
      <c r="J52" s="35" t="s">
        <v>40</v>
      </c>
      <c r="K52" s="35"/>
      <c r="L52" s="35"/>
      <c r="M52" s="35"/>
      <c r="N52" s="35"/>
      <c r="O52" s="35"/>
      <c r="P52" s="35" t="s">
        <v>41</v>
      </c>
      <c r="Q52" s="35"/>
      <c r="R52" s="35" t="s">
        <v>42</v>
      </c>
      <c r="S52" s="35" t="s">
        <v>43</v>
      </c>
      <c r="T52" s="35"/>
      <c r="U52" s="14"/>
      <c r="V52" s="34"/>
      <c r="W52" s="35"/>
      <c r="X52" s="35"/>
      <c r="Y52" s="35"/>
      <c r="Z52" s="35"/>
      <c r="AA52" s="36"/>
      <c r="AB52" s="38"/>
      <c r="AC52" s="38"/>
      <c r="AD52" s="38"/>
      <c r="AE52" s="38"/>
      <c r="AF52" s="38"/>
      <c r="AG52" s="38"/>
      <c r="AH52" s="38"/>
      <c r="AI52" s="38"/>
      <c r="AJ52" s="38"/>
      <c r="AK52" s="41"/>
      <c r="AL52" s="1"/>
    </row>
    <row r="53" spans="1:38" ht="12" customHeight="1" x14ac:dyDescent="0.15">
      <c r="B53" s="47"/>
      <c r="C53" s="47"/>
      <c r="D53" s="47"/>
      <c r="E53" s="47"/>
      <c r="F53" s="47"/>
      <c r="G53" s="14"/>
      <c r="H53" s="35"/>
      <c r="I53" s="35"/>
      <c r="J53" s="35"/>
      <c r="K53" s="35"/>
      <c r="L53" s="35"/>
      <c r="M53" s="35"/>
      <c r="N53" s="35"/>
      <c r="O53" s="35"/>
      <c r="P53" s="35"/>
      <c r="Q53" s="35"/>
      <c r="R53" s="35"/>
      <c r="S53" s="35"/>
      <c r="T53" s="35"/>
      <c r="U53" s="14"/>
      <c r="V53" s="34"/>
      <c r="W53" s="35"/>
      <c r="X53" s="35"/>
      <c r="Y53" s="35"/>
      <c r="Z53" s="35"/>
      <c r="AA53" s="36"/>
      <c r="AB53" s="38"/>
      <c r="AC53" s="38"/>
      <c r="AD53" s="38"/>
      <c r="AE53" s="38"/>
      <c r="AF53" s="38"/>
      <c r="AG53" s="38"/>
      <c r="AH53" s="38"/>
      <c r="AI53" s="38"/>
      <c r="AJ53" s="38"/>
      <c r="AK53" s="41"/>
      <c r="AL53" s="1"/>
    </row>
    <row r="54" spans="1:38" ht="12" customHeight="1" x14ac:dyDescent="0.15">
      <c r="B54" s="47"/>
      <c r="C54" s="47"/>
      <c r="D54" s="47"/>
      <c r="E54" s="47"/>
      <c r="F54" s="47"/>
      <c r="G54" s="14"/>
      <c r="H54" s="20"/>
      <c r="I54" s="20"/>
      <c r="J54" s="20"/>
      <c r="K54" s="20"/>
      <c r="L54" s="20"/>
      <c r="M54" s="20"/>
      <c r="N54" s="20"/>
      <c r="O54" s="20"/>
      <c r="P54" s="20"/>
      <c r="Q54" s="20"/>
      <c r="R54" s="20"/>
      <c r="S54" s="20"/>
      <c r="T54" s="20"/>
      <c r="U54" s="14"/>
      <c r="V54" s="34"/>
      <c r="W54" s="35"/>
      <c r="X54" s="35"/>
      <c r="Y54" s="35"/>
      <c r="Z54" s="35"/>
      <c r="AA54" s="36"/>
      <c r="AB54" s="38"/>
      <c r="AC54" s="38"/>
      <c r="AD54" s="38"/>
      <c r="AE54" s="38"/>
      <c r="AF54" s="38"/>
      <c r="AG54" s="38"/>
      <c r="AH54" s="38"/>
      <c r="AI54" s="38"/>
      <c r="AJ54" s="38"/>
      <c r="AK54" s="41"/>
      <c r="AL54" s="1"/>
    </row>
    <row r="55" spans="1:38" ht="12" customHeight="1" x14ac:dyDescent="0.15">
      <c r="B55" s="47"/>
      <c r="C55" s="47"/>
      <c r="D55" s="47"/>
      <c r="E55" s="47"/>
      <c r="F55" s="47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19"/>
      <c r="R55" s="19"/>
      <c r="S55" s="19"/>
      <c r="T55" s="19"/>
      <c r="U55" s="19"/>
      <c r="V55" s="48"/>
      <c r="W55" s="45"/>
      <c r="X55" s="45"/>
      <c r="Y55" s="45"/>
      <c r="Z55" s="45"/>
      <c r="AA55" s="49"/>
      <c r="AB55" s="39"/>
      <c r="AC55" s="39"/>
      <c r="AD55" s="39"/>
      <c r="AE55" s="39"/>
      <c r="AF55" s="39"/>
      <c r="AG55" s="39"/>
      <c r="AH55" s="39"/>
      <c r="AI55" s="39"/>
      <c r="AJ55" s="39"/>
      <c r="AK55" s="42"/>
      <c r="AL55" s="1"/>
    </row>
    <row r="56" spans="1:38" ht="15" customHeight="1" x14ac:dyDescent="0.15">
      <c r="B56" s="26"/>
      <c r="C56" s="26"/>
      <c r="D56" s="26"/>
      <c r="E56" s="26"/>
      <c r="F56" s="26"/>
      <c r="G56" s="27"/>
      <c r="H56" s="27"/>
      <c r="I56" s="27"/>
      <c r="J56" s="27"/>
      <c r="K56" s="27"/>
      <c r="L56" s="27"/>
      <c r="M56" s="27"/>
      <c r="N56" s="27"/>
      <c r="O56" s="27"/>
      <c r="P56" s="27"/>
      <c r="Q56" s="27"/>
      <c r="R56" s="27"/>
      <c r="S56" s="27"/>
      <c r="T56" s="27"/>
      <c r="U56" s="27"/>
      <c r="V56" s="26"/>
      <c r="W56" s="26"/>
      <c r="X56" s="26"/>
      <c r="Y56" s="26"/>
      <c r="Z56" s="26"/>
      <c r="AA56" s="26"/>
      <c r="AB56" s="27"/>
      <c r="AC56" s="27"/>
      <c r="AD56" s="27"/>
      <c r="AE56" s="27"/>
      <c r="AF56" s="27"/>
      <c r="AG56" s="27"/>
      <c r="AH56" s="27"/>
      <c r="AI56" s="27"/>
      <c r="AJ56" s="27"/>
      <c r="AK56" s="27"/>
      <c r="AL56" s="1"/>
    </row>
    <row r="57" spans="1:38" ht="15" customHeight="1" x14ac:dyDescent="0.15">
      <c r="B57" s="20"/>
      <c r="C57" s="20"/>
      <c r="D57" s="20"/>
      <c r="E57" s="20"/>
      <c r="F57" s="20"/>
      <c r="G57" s="14"/>
      <c r="H57" s="14"/>
      <c r="I57" s="14"/>
      <c r="J57" s="14"/>
      <c r="K57" s="14"/>
      <c r="L57" s="14"/>
      <c r="M57" s="14"/>
      <c r="N57" s="14"/>
      <c r="O57" s="14"/>
      <c r="P57" s="14"/>
      <c r="Q57" s="14"/>
      <c r="R57" s="14"/>
      <c r="S57" s="14"/>
      <c r="T57" s="14"/>
      <c r="U57" s="14"/>
      <c r="V57" s="20"/>
      <c r="W57" s="20"/>
      <c r="X57" s="20"/>
      <c r="Y57" s="20"/>
      <c r="Z57" s="20"/>
      <c r="AA57" s="20"/>
      <c r="AB57" s="14"/>
      <c r="AC57" s="14"/>
      <c r="AD57" s="14"/>
      <c r="AE57" s="14"/>
      <c r="AF57" s="14"/>
      <c r="AG57" s="14"/>
      <c r="AH57" s="14"/>
      <c r="AI57" s="14"/>
      <c r="AJ57" s="14"/>
      <c r="AK57" s="14"/>
      <c r="AL57" s="1"/>
    </row>
    <row r="58" spans="1:38" ht="15" customHeight="1" x14ac:dyDescent="0.15">
      <c r="A58" s="1"/>
      <c r="AL58" s="1"/>
    </row>
    <row r="59" spans="1:38" ht="15" customHeight="1" x14ac:dyDescent="0.15">
      <c r="A59" s="1"/>
      <c r="AL59" s="1"/>
    </row>
    <row r="60" spans="1:38" ht="15" customHeight="1" x14ac:dyDescent="0.15">
      <c r="A60" s="1"/>
      <c r="AL60" s="1"/>
    </row>
    <row r="61" spans="1:38" ht="15" customHeight="1" x14ac:dyDescent="0.15">
      <c r="A61" s="1"/>
      <c r="AL61" s="1"/>
    </row>
    <row r="62" spans="1:38" ht="15" customHeight="1" x14ac:dyDescent="0.15">
      <c r="A62" s="1"/>
      <c r="AL62" s="1"/>
    </row>
    <row r="63" spans="1:38" ht="15" customHeight="1" x14ac:dyDescent="0.15">
      <c r="A63" s="1"/>
      <c r="AL63" s="1"/>
    </row>
    <row r="64" spans="1:38" ht="15" customHeight="1" x14ac:dyDescent="0.15">
      <c r="A64" s="1"/>
      <c r="AL64" s="1"/>
    </row>
    <row r="65" spans="1:38" ht="15" customHeight="1" x14ac:dyDescent="0.15">
      <c r="A65" s="1"/>
      <c r="AL65" s="1"/>
    </row>
    <row r="66" spans="1:38" ht="15" customHeight="1" x14ac:dyDescent="0.15">
      <c r="A66" s="1"/>
      <c r="AL66" s="1"/>
    </row>
    <row r="67" spans="1:38" ht="15" customHeight="1" x14ac:dyDescent="0.15">
      <c r="A67" s="1"/>
      <c r="AL67" s="1"/>
    </row>
    <row r="68" spans="1:38" ht="15" customHeight="1" x14ac:dyDescent="0.15">
      <c r="A68" s="1"/>
      <c r="AL68" s="1"/>
    </row>
    <row r="69" spans="1:38" ht="15" customHeight="1" x14ac:dyDescent="0.15">
      <c r="A69" s="1"/>
      <c r="AL69" s="1"/>
    </row>
    <row r="70" spans="1:38" ht="15" customHeight="1" x14ac:dyDescent="0.15">
      <c r="A70" s="1"/>
      <c r="AL70" s="1"/>
    </row>
    <row r="71" spans="1:38" ht="15" customHeight="1" x14ac:dyDescent="0.15">
      <c r="A71" s="1"/>
      <c r="AL71" s="1"/>
    </row>
    <row r="72" spans="1:38" ht="15" customHeight="1" x14ac:dyDescent="0.15">
      <c r="A72" s="1"/>
      <c r="AL72" s="1"/>
    </row>
    <row r="73" spans="1:38" ht="15" customHeight="1" x14ac:dyDescent="0.15">
      <c r="A73" s="1"/>
      <c r="AL73" s="1"/>
    </row>
    <row r="74" spans="1:38" ht="15" customHeight="1" x14ac:dyDescent="0.15">
      <c r="A74" s="1"/>
      <c r="AL74" s="1"/>
    </row>
    <row r="75" spans="1:38" ht="15" customHeight="1" x14ac:dyDescent="0.15">
      <c r="A75" s="1"/>
      <c r="AL75" s="1"/>
    </row>
    <row r="76" spans="1:38" ht="15" customHeight="1" x14ac:dyDescent="0.15">
      <c r="A76" s="1"/>
      <c r="AL76" s="1"/>
    </row>
    <row r="77" spans="1:38" ht="15" customHeight="1" x14ac:dyDescent="0.15">
      <c r="A77" s="1"/>
      <c r="AL77" s="1"/>
    </row>
    <row r="78" spans="1:38" ht="15" customHeight="1" x14ac:dyDescent="0.15">
      <c r="A78" s="1"/>
      <c r="AL78" s="1"/>
    </row>
    <row r="79" spans="1:38" ht="15" customHeight="1" x14ac:dyDescent="0.15">
      <c r="A79" s="1"/>
      <c r="AL79" s="1"/>
    </row>
    <row r="80" spans="1:38" ht="28.5" customHeight="1" x14ac:dyDescent="0.15">
      <c r="A80" s="1"/>
      <c r="AL80" s="1"/>
    </row>
    <row r="81" spans="1:38" ht="15" customHeight="1" x14ac:dyDescent="0.15">
      <c r="A81" s="1"/>
      <c r="AL81" s="1"/>
    </row>
    <row r="82" spans="1:38" ht="15" customHeight="1" x14ac:dyDescent="0.15">
      <c r="A82" s="1"/>
      <c r="AL82" s="1"/>
    </row>
    <row r="83" spans="1:38" ht="15" customHeight="1" x14ac:dyDescent="0.15">
      <c r="A83" s="1"/>
      <c r="AL83" s="1"/>
    </row>
    <row r="84" spans="1:38" ht="15" customHeight="1" x14ac:dyDescent="0.15">
      <c r="A84" s="1"/>
      <c r="AL84" s="1"/>
    </row>
    <row r="85" spans="1:38" ht="15" customHeight="1" x14ac:dyDescent="0.15">
      <c r="A85" s="1"/>
      <c r="AL85" s="1"/>
    </row>
    <row r="86" spans="1:38" ht="15" customHeight="1" x14ac:dyDescent="0.15">
      <c r="A86" s="1"/>
      <c r="AL86" s="1"/>
    </row>
    <row r="87" spans="1:38" ht="15" customHeight="1" x14ac:dyDescent="0.15">
      <c r="A87" s="1"/>
      <c r="AL87" s="1"/>
    </row>
    <row r="88" spans="1:38" ht="15" customHeight="1" x14ac:dyDescent="0.15">
      <c r="A88" s="1"/>
      <c r="AL88" s="1"/>
    </row>
    <row r="89" spans="1:38" ht="15" customHeight="1" x14ac:dyDescent="0.15">
      <c r="A89" s="1"/>
      <c r="AL89" s="1"/>
    </row>
    <row r="90" spans="1:38" ht="15" customHeight="1" x14ac:dyDescent="0.15">
      <c r="A90" s="1"/>
      <c r="AL90" s="1"/>
    </row>
    <row r="91" spans="1:38" ht="15" customHeight="1" x14ac:dyDescent="0.15">
      <c r="A91" s="1"/>
      <c r="AL91" s="1"/>
    </row>
    <row r="92" spans="1:38" ht="15" customHeight="1" x14ac:dyDescent="0.15">
      <c r="A92" s="1"/>
      <c r="AL92" s="1"/>
    </row>
    <row r="93" spans="1:38" ht="15" customHeight="1" x14ac:dyDescent="0.15">
      <c r="A93" s="1"/>
      <c r="AL93" s="1"/>
    </row>
    <row r="94" spans="1:38" ht="15" customHeight="1" x14ac:dyDescent="0.15">
      <c r="A94" s="1"/>
      <c r="AL94" s="1"/>
    </row>
    <row r="95" spans="1:38" ht="15" customHeight="1" x14ac:dyDescent="0.15">
      <c r="A95" s="1"/>
      <c r="AL95" s="1"/>
    </row>
    <row r="96" spans="1:38" ht="15" customHeight="1" x14ac:dyDescent="0.15">
      <c r="A96" s="1"/>
      <c r="AL96" s="1"/>
    </row>
    <row r="97" spans="1:38" ht="15" customHeight="1" x14ac:dyDescent="0.15">
      <c r="A97" s="1"/>
      <c r="AL97" s="1"/>
    </row>
    <row r="98" spans="1:38" ht="15" customHeight="1" x14ac:dyDescent="0.15">
      <c r="A98" s="1"/>
      <c r="AL98" s="1"/>
    </row>
    <row r="99" spans="1:38" ht="15" customHeight="1" x14ac:dyDescent="0.15">
      <c r="A99" s="1"/>
      <c r="AL99" s="1"/>
    </row>
    <row r="100" spans="1:38" ht="15" customHeight="1" x14ac:dyDescent="0.15">
      <c r="A100" s="1"/>
      <c r="AL100" s="1"/>
    </row>
    <row r="101" spans="1:38" ht="15" customHeight="1" x14ac:dyDescent="0.15">
      <c r="A101" s="1"/>
      <c r="AL101" s="1"/>
    </row>
    <row r="102" spans="1:38" ht="15" customHeight="1" x14ac:dyDescent="0.15">
      <c r="A102" s="1"/>
      <c r="AL102" s="1"/>
    </row>
    <row r="103" spans="1:38" ht="15" customHeight="1" x14ac:dyDescent="0.15">
      <c r="A103" s="1"/>
      <c r="AL103" s="1"/>
    </row>
    <row r="104" spans="1:38" ht="15" customHeight="1" x14ac:dyDescent="0.15">
      <c r="A104" s="1"/>
      <c r="AL104" s="1"/>
    </row>
    <row r="105" spans="1:38" ht="15" customHeight="1" x14ac:dyDescent="0.15">
      <c r="A105" s="1"/>
      <c r="AL105" s="1"/>
    </row>
    <row r="106" spans="1:38" ht="15" customHeight="1" x14ac:dyDescent="0.15">
      <c r="A106" s="1"/>
      <c r="AL106" s="1"/>
    </row>
    <row r="107" spans="1:38" ht="15" customHeight="1" x14ac:dyDescent="0.15">
      <c r="A107" s="1"/>
      <c r="AL107" s="1"/>
    </row>
    <row r="108" spans="1:38" ht="15" customHeight="1" x14ac:dyDescent="0.15">
      <c r="A108" s="1"/>
      <c r="AL108" s="1"/>
    </row>
    <row r="109" spans="1:38" ht="15" customHeight="1" x14ac:dyDescent="0.15">
      <c r="A109" s="1"/>
      <c r="AL109" s="1"/>
    </row>
    <row r="110" spans="1:38" ht="15" customHeight="1" x14ac:dyDescent="0.15">
      <c r="A110" s="1"/>
      <c r="AL110" s="1"/>
    </row>
    <row r="111" spans="1:38" ht="15" customHeight="1" x14ac:dyDescent="0.15">
      <c r="A111" s="1"/>
      <c r="AL111" s="1"/>
    </row>
    <row r="112" spans="1:38" ht="15" customHeight="1" x14ac:dyDescent="0.15">
      <c r="A112" s="1"/>
      <c r="AL112" s="1"/>
    </row>
    <row r="113" spans="1:38" ht="15" customHeight="1" x14ac:dyDescent="0.15">
      <c r="A113" s="1"/>
      <c r="AL113" s="1"/>
    </row>
    <row r="114" spans="1:38" ht="15" customHeight="1" x14ac:dyDescent="0.15">
      <c r="A114" s="1"/>
      <c r="AL114" s="1"/>
    </row>
    <row r="115" spans="1:38" ht="15" customHeight="1" x14ac:dyDescent="0.15">
      <c r="A115" s="1"/>
      <c r="AL115" s="1"/>
    </row>
    <row r="116" spans="1:38" ht="15" customHeight="1" x14ac:dyDescent="0.15">
      <c r="A116" s="1"/>
      <c r="AL116" s="1"/>
    </row>
    <row r="117" spans="1:38" ht="15" customHeight="1" x14ac:dyDescent="0.15">
      <c r="A117" s="1"/>
      <c r="AL117" s="1"/>
    </row>
    <row r="118" spans="1:38" ht="15" customHeight="1" x14ac:dyDescent="0.15">
      <c r="A118" s="1"/>
      <c r="AL118" s="1"/>
    </row>
    <row r="119" spans="1:38" ht="15" customHeight="1" x14ac:dyDescent="0.15">
      <c r="A119" s="1"/>
      <c r="AL119" s="1"/>
    </row>
    <row r="120" spans="1:38" ht="15" customHeight="1" x14ac:dyDescent="0.15">
      <c r="A120" s="1"/>
      <c r="AL120" s="1"/>
    </row>
    <row r="121" spans="1:38" ht="15" customHeight="1" x14ac:dyDescent="0.15">
      <c r="A121" s="1"/>
      <c r="AL121" s="1"/>
    </row>
    <row r="122" spans="1:38" ht="15" customHeight="1" x14ac:dyDescent="0.15">
      <c r="A122" s="1"/>
      <c r="AL122" s="1"/>
    </row>
    <row r="123" spans="1:38" ht="15" customHeight="1" x14ac:dyDescent="0.15">
      <c r="A123" s="1"/>
      <c r="AL123" s="1"/>
    </row>
    <row r="124" spans="1:38" ht="15" customHeight="1" x14ac:dyDescent="0.15">
      <c r="A124" s="1"/>
      <c r="AL124" s="1"/>
    </row>
    <row r="125" spans="1:38" ht="15" customHeight="1" x14ac:dyDescent="0.15">
      <c r="A125" s="1"/>
      <c r="AL125" s="1"/>
    </row>
    <row r="126" spans="1:38" ht="15" customHeight="1" x14ac:dyDescent="0.15">
      <c r="A126" s="1"/>
      <c r="AL126" s="1"/>
    </row>
    <row r="127" spans="1:38" ht="15" customHeight="1" x14ac:dyDescent="0.15">
      <c r="A127" s="1"/>
      <c r="AL127" s="1"/>
    </row>
    <row r="128" spans="1:38" ht="15" customHeight="1" x14ac:dyDescent="0.15">
      <c r="A128" s="1"/>
      <c r="AL128" s="1"/>
    </row>
    <row r="129" spans="1:38" ht="15" customHeight="1" x14ac:dyDescent="0.15">
      <c r="A129" s="1"/>
      <c r="AL129" s="1"/>
    </row>
    <row r="130" spans="1:38" ht="15" customHeight="1" x14ac:dyDescent="0.15">
      <c r="A130" s="1"/>
      <c r="AL130" s="1"/>
    </row>
    <row r="131" spans="1:38" ht="15" customHeight="1" x14ac:dyDescent="0.15">
      <c r="A131" s="1"/>
      <c r="AL131" s="1"/>
    </row>
    <row r="132" spans="1:38" ht="15" customHeight="1" x14ac:dyDescent="0.15">
      <c r="A132" s="1"/>
      <c r="AL132" s="1"/>
    </row>
    <row r="133" spans="1:38" ht="15" customHeight="1" x14ac:dyDescent="0.15">
      <c r="A133" s="1"/>
      <c r="AL133" s="1"/>
    </row>
    <row r="134" spans="1:38" ht="15" customHeight="1" x14ac:dyDescent="0.15">
      <c r="A134" s="1"/>
      <c r="AL134" s="1"/>
    </row>
    <row r="135" spans="1:38" ht="15" customHeight="1" x14ac:dyDescent="0.15">
      <c r="A135" s="1"/>
      <c r="AL135" s="1"/>
    </row>
    <row r="136" spans="1:38" ht="15" customHeight="1" x14ac:dyDescent="0.15">
      <c r="A136" s="1"/>
      <c r="AL136" s="1"/>
    </row>
    <row r="137" spans="1:38" ht="15" customHeight="1" x14ac:dyDescent="0.15">
      <c r="A137" s="1"/>
      <c r="AL137" s="1"/>
    </row>
    <row r="138" spans="1:38" ht="15" customHeight="1" x14ac:dyDescent="0.15">
      <c r="A138" s="1"/>
      <c r="AL138" s="1"/>
    </row>
    <row r="139" spans="1:38" ht="15" customHeight="1" x14ac:dyDescent="0.15">
      <c r="A139" s="1"/>
      <c r="AL139" s="1"/>
    </row>
    <row r="140" spans="1:38" ht="15" customHeight="1" x14ac:dyDescent="0.15">
      <c r="A140" s="1"/>
      <c r="AL140" s="1"/>
    </row>
    <row r="141" spans="1:38" ht="15" customHeight="1" x14ac:dyDescent="0.15">
      <c r="A141" s="1"/>
      <c r="AL141" s="1"/>
    </row>
    <row r="142" spans="1:38" ht="15" customHeight="1" x14ac:dyDescent="0.15">
      <c r="A142" s="1"/>
      <c r="AL142" s="1"/>
    </row>
    <row r="143" spans="1:38" ht="15" customHeight="1" x14ac:dyDescent="0.15">
      <c r="A143" s="1"/>
      <c r="AL143" s="1"/>
    </row>
    <row r="144" spans="1:38" ht="15" customHeight="1" x14ac:dyDescent="0.15">
      <c r="A144" s="1"/>
      <c r="AL144" s="1"/>
    </row>
    <row r="145" spans="1:38" ht="15" customHeight="1" x14ac:dyDescent="0.15">
      <c r="A145" s="1"/>
      <c r="AL145" s="1"/>
    </row>
    <row r="146" spans="1:38" ht="15" customHeight="1" x14ac:dyDescent="0.15">
      <c r="A146" s="1"/>
      <c r="AL146" s="1"/>
    </row>
    <row r="147" spans="1:38" ht="15" customHeight="1" x14ac:dyDescent="0.15">
      <c r="A147" s="1"/>
      <c r="AL147" s="1"/>
    </row>
    <row r="148" spans="1:38" ht="15" customHeight="1" x14ac:dyDescent="0.15">
      <c r="A148" s="1"/>
      <c r="AL148" s="1"/>
    </row>
    <row r="149" spans="1:38" ht="15" customHeight="1" x14ac:dyDescent="0.15">
      <c r="A149" s="1"/>
      <c r="AL149" s="1"/>
    </row>
    <row r="150" spans="1:38" ht="15" customHeight="1" x14ac:dyDescent="0.15">
      <c r="A150" s="1"/>
      <c r="AL150" s="1"/>
    </row>
    <row r="151" spans="1:38" ht="15" customHeight="1" x14ac:dyDescent="0.15">
      <c r="A151" s="1"/>
      <c r="AL151" s="1"/>
    </row>
    <row r="152" spans="1:38" ht="15" customHeight="1" x14ac:dyDescent="0.15">
      <c r="A152" s="1"/>
      <c r="AL152" s="1"/>
    </row>
    <row r="153" spans="1:38" ht="15" customHeight="1" x14ac:dyDescent="0.15">
      <c r="A153" s="1"/>
      <c r="AL153" s="1"/>
    </row>
    <row r="154" spans="1:38" ht="15" customHeight="1" x14ac:dyDescent="0.15">
      <c r="A154" s="1"/>
      <c r="AL154" s="1"/>
    </row>
    <row r="155" spans="1:38" ht="15" customHeight="1" x14ac:dyDescent="0.15">
      <c r="A155" s="1"/>
      <c r="AL155" s="1"/>
    </row>
    <row r="156" spans="1:38" ht="15" customHeight="1" x14ac:dyDescent="0.15">
      <c r="A156" s="1"/>
      <c r="AL156" s="1"/>
    </row>
    <row r="157" spans="1:38" ht="15" customHeight="1" x14ac:dyDescent="0.15">
      <c r="A157" s="1"/>
      <c r="AL157" s="1"/>
    </row>
    <row r="158" spans="1:38" ht="15" customHeight="1" x14ac:dyDescent="0.15">
      <c r="A158" s="1"/>
      <c r="AL158" s="1"/>
    </row>
    <row r="159" spans="1:38" ht="15" customHeight="1" x14ac:dyDescent="0.15">
      <c r="A159" s="1"/>
      <c r="AL159" s="1"/>
    </row>
    <row r="160" spans="1:38" ht="15" customHeight="1" x14ac:dyDescent="0.15">
      <c r="A160" s="1"/>
      <c r="AL160" s="1"/>
    </row>
    <row r="161" spans="1:38" ht="15" customHeight="1" x14ac:dyDescent="0.15">
      <c r="A161" s="1"/>
      <c r="AL161" s="1"/>
    </row>
    <row r="162" spans="1:38" ht="15" customHeight="1" x14ac:dyDescent="0.15">
      <c r="A162" s="1"/>
      <c r="AL162" s="1"/>
    </row>
    <row r="163" spans="1:38" ht="15" customHeight="1" x14ac:dyDescent="0.15">
      <c r="A163" s="1"/>
      <c r="AL163" s="1"/>
    </row>
    <row r="164" spans="1:38" ht="15" customHeight="1" x14ac:dyDescent="0.15">
      <c r="A164" s="1"/>
      <c r="AL164" s="1"/>
    </row>
    <row r="165" spans="1:38" ht="15" customHeight="1" x14ac:dyDescent="0.15">
      <c r="A165" s="1"/>
      <c r="AL165" s="1"/>
    </row>
    <row r="166" spans="1:38" ht="15" customHeight="1" x14ac:dyDescent="0.15">
      <c r="A166" s="1"/>
      <c r="AL166" s="1"/>
    </row>
    <row r="167" spans="1:38" ht="15" customHeight="1" x14ac:dyDescent="0.15">
      <c r="A167" s="1"/>
      <c r="AL167" s="1"/>
    </row>
    <row r="168" spans="1:38" ht="15" customHeight="1" x14ac:dyDescent="0.15">
      <c r="A168" s="1"/>
      <c r="AL168" s="1"/>
    </row>
    <row r="169" spans="1:38" ht="15" customHeight="1" x14ac:dyDescent="0.15">
      <c r="A169" s="1"/>
      <c r="AL169" s="1"/>
    </row>
    <row r="170" spans="1:38" ht="15" customHeight="1" x14ac:dyDescent="0.15">
      <c r="A170" s="1"/>
      <c r="AL170" s="1"/>
    </row>
    <row r="171" spans="1:38" ht="15" customHeight="1" x14ac:dyDescent="0.15">
      <c r="A171" s="1"/>
      <c r="AL171" s="1"/>
    </row>
    <row r="172" spans="1:38" ht="15" customHeight="1" x14ac:dyDescent="0.15">
      <c r="A172" s="1"/>
      <c r="AL172" s="1"/>
    </row>
    <row r="173" spans="1:38" ht="15" customHeight="1" x14ac:dyDescent="0.15">
      <c r="A173" s="1"/>
      <c r="AL173" s="1"/>
    </row>
    <row r="174" spans="1:38" ht="15" customHeight="1" x14ac:dyDescent="0.15">
      <c r="A174" s="1"/>
      <c r="AL174" s="1"/>
    </row>
    <row r="175" spans="1:38" ht="15" customHeight="1" x14ac:dyDescent="0.15"/>
    <row r="176" spans="1:38" ht="15" customHeight="1" x14ac:dyDescent="0.15"/>
    <row r="177" ht="15" customHeight="1" x14ac:dyDescent="0.15"/>
    <row r="178" ht="15" customHeight="1" x14ac:dyDescent="0.15"/>
    <row r="179" ht="15" customHeight="1" x14ac:dyDescent="0.15"/>
    <row r="180" ht="15" customHeight="1" x14ac:dyDescent="0.15"/>
    <row r="181" ht="15" customHeight="1" x14ac:dyDescent="0.15"/>
    <row r="182" ht="15" customHeight="1" x14ac:dyDescent="0.15"/>
    <row r="183" ht="15" customHeight="1" x14ac:dyDescent="0.15"/>
    <row r="184" ht="15" customHeight="1" x14ac:dyDescent="0.15"/>
    <row r="185" ht="15" customHeight="1" x14ac:dyDescent="0.15"/>
    <row r="186" ht="15" customHeight="1" x14ac:dyDescent="0.15"/>
    <row r="187" ht="15" customHeight="1" x14ac:dyDescent="0.15"/>
    <row r="188" ht="15" customHeight="1" x14ac:dyDescent="0.15"/>
    <row r="189" ht="15" customHeight="1" x14ac:dyDescent="0.15"/>
    <row r="190" ht="15" customHeight="1" x14ac:dyDescent="0.15"/>
    <row r="191" ht="15" customHeight="1" x14ac:dyDescent="0.15"/>
    <row r="192" ht="15" customHeight="1" x14ac:dyDescent="0.15"/>
    <row r="193" ht="15" customHeight="1" x14ac:dyDescent="0.15"/>
    <row r="194" ht="15" customHeight="1" x14ac:dyDescent="0.15"/>
    <row r="195" ht="15" customHeight="1" x14ac:dyDescent="0.15"/>
    <row r="196" ht="15" customHeight="1" x14ac:dyDescent="0.15"/>
    <row r="197" ht="15" customHeight="1" x14ac:dyDescent="0.15"/>
    <row r="198" ht="15" customHeight="1" x14ac:dyDescent="0.15"/>
    <row r="199" ht="15" customHeight="1" x14ac:dyDescent="0.15"/>
    <row r="200" ht="15" customHeight="1" x14ac:dyDescent="0.15"/>
    <row r="201" ht="15" customHeight="1" x14ac:dyDescent="0.15"/>
    <row r="202" ht="15" customHeight="1" x14ac:dyDescent="0.15"/>
    <row r="203" ht="15" customHeight="1" x14ac:dyDescent="0.15"/>
    <row r="204" ht="15" customHeight="1" x14ac:dyDescent="0.15"/>
    <row r="205" ht="15" customHeight="1" x14ac:dyDescent="0.15"/>
    <row r="206" ht="15" customHeight="1" x14ac:dyDescent="0.15"/>
    <row r="207" ht="15" customHeight="1" x14ac:dyDescent="0.15"/>
    <row r="208" ht="15" customHeight="1" x14ac:dyDescent="0.15"/>
    <row r="209" ht="15" customHeight="1" x14ac:dyDescent="0.15"/>
    <row r="210" ht="15" customHeight="1" x14ac:dyDescent="0.15"/>
    <row r="211" ht="15" customHeight="1" x14ac:dyDescent="0.15"/>
    <row r="212" ht="15" customHeight="1" x14ac:dyDescent="0.15"/>
    <row r="213" ht="15" customHeight="1" x14ac:dyDescent="0.15"/>
    <row r="214" ht="15" customHeight="1" x14ac:dyDescent="0.15"/>
    <row r="215" ht="15" customHeight="1" x14ac:dyDescent="0.15"/>
    <row r="216" ht="15" customHeight="1" x14ac:dyDescent="0.15"/>
    <row r="217" ht="15" customHeight="1" x14ac:dyDescent="0.15"/>
    <row r="218" ht="15" customHeight="1" x14ac:dyDescent="0.15"/>
    <row r="219" ht="15" customHeight="1" x14ac:dyDescent="0.15"/>
    <row r="220" ht="15" customHeight="1" x14ac:dyDescent="0.15"/>
    <row r="221" ht="15" customHeight="1" x14ac:dyDescent="0.15"/>
    <row r="222" ht="15" customHeight="1" x14ac:dyDescent="0.15"/>
    <row r="223" ht="15" customHeight="1" x14ac:dyDescent="0.15"/>
    <row r="224" ht="15" customHeight="1" x14ac:dyDescent="0.15"/>
    <row r="225" ht="15" customHeight="1" x14ac:dyDescent="0.15"/>
    <row r="226" ht="15" customHeight="1" x14ac:dyDescent="0.15"/>
    <row r="227" ht="15" customHeight="1" x14ac:dyDescent="0.15"/>
    <row r="228" ht="15" customHeight="1" x14ac:dyDescent="0.15"/>
    <row r="229" ht="15" customHeight="1" x14ac:dyDescent="0.15"/>
    <row r="230" ht="15" customHeight="1" x14ac:dyDescent="0.15"/>
    <row r="231" ht="15" customHeight="1" x14ac:dyDescent="0.15"/>
    <row r="232" ht="15" customHeight="1" x14ac:dyDescent="0.15"/>
    <row r="233" ht="15" customHeight="1" x14ac:dyDescent="0.15"/>
    <row r="234" ht="15" customHeight="1" x14ac:dyDescent="0.15"/>
    <row r="235" ht="15" customHeight="1" x14ac:dyDescent="0.15"/>
    <row r="236" ht="15" customHeight="1" x14ac:dyDescent="0.15"/>
    <row r="237" ht="15" customHeight="1" x14ac:dyDescent="0.15"/>
    <row r="238" ht="15" customHeight="1" x14ac:dyDescent="0.15"/>
    <row r="239" ht="15" customHeight="1" x14ac:dyDescent="0.15"/>
    <row r="240" ht="15" customHeight="1" x14ac:dyDescent="0.15"/>
    <row r="241" ht="15" customHeight="1" x14ac:dyDescent="0.15"/>
    <row r="242" ht="15" customHeight="1" x14ac:dyDescent="0.15"/>
    <row r="243" ht="15" customHeight="1" x14ac:dyDescent="0.15"/>
    <row r="244" ht="15" customHeight="1" x14ac:dyDescent="0.15"/>
    <row r="245" ht="15" customHeight="1" x14ac:dyDescent="0.15"/>
    <row r="246" ht="15" customHeight="1" x14ac:dyDescent="0.15"/>
    <row r="247" ht="15" customHeight="1" x14ac:dyDescent="0.15"/>
    <row r="248" ht="15" customHeight="1" x14ac:dyDescent="0.15"/>
    <row r="249" ht="15" customHeight="1" x14ac:dyDescent="0.15"/>
    <row r="250" ht="15" customHeight="1" x14ac:dyDescent="0.15"/>
    <row r="251" ht="15" customHeight="1" x14ac:dyDescent="0.15"/>
    <row r="252" ht="15" customHeight="1" x14ac:dyDescent="0.15"/>
    <row r="253" ht="15" customHeight="1" x14ac:dyDescent="0.15"/>
    <row r="254" ht="15" customHeight="1" x14ac:dyDescent="0.15"/>
    <row r="255" ht="15" customHeight="1" x14ac:dyDescent="0.15"/>
    <row r="256" ht="15" customHeight="1" x14ac:dyDescent="0.15"/>
    <row r="257" ht="15" customHeight="1" x14ac:dyDescent="0.15"/>
    <row r="258" ht="15" customHeight="1" x14ac:dyDescent="0.15"/>
    <row r="259" ht="15" customHeight="1" x14ac:dyDescent="0.15"/>
    <row r="260" ht="15" customHeight="1" x14ac:dyDescent="0.15"/>
    <row r="261" ht="15" customHeight="1" x14ac:dyDescent="0.15"/>
    <row r="262" ht="15" customHeight="1" x14ac:dyDescent="0.15"/>
    <row r="263" ht="15" customHeight="1" x14ac:dyDescent="0.15"/>
    <row r="264" ht="15" customHeight="1" x14ac:dyDescent="0.15"/>
    <row r="265" ht="15" customHeight="1" x14ac:dyDescent="0.15"/>
    <row r="266" ht="15" customHeight="1" x14ac:dyDescent="0.15"/>
    <row r="267" ht="15" customHeight="1" x14ac:dyDescent="0.15"/>
    <row r="268" ht="15" customHeight="1" x14ac:dyDescent="0.15"/>
    <row r="269" ht="15" customHeight="1" x14ac:dyDescent="0.15"/>
    <row r="270" ht="15" customHeight="1" x14ac:dyDescent="0.15"/>
    <row r="271" ht="15" customHeight="1" x14ac:dyDescent="0.15"/>
    <row r="272" ht="15" customHeight="1" x14ac:dyDescent="0.15"/>
    <row r="273" ht="15" customHeight="1" x14ac:dyDescent="0.15"/>
    <row r="274" ht="15" customHeight="1" x14ac:dyDescent="0.15"/>
    <row r="275" ht="15" customHeight="1" x14ac:dyDescent="0.15"/>
    <row r="276" ht="15" customHeight="1" x14ac:dyDescent="0.15"/>
    <row r="277" ht="15" customHeight="1" x14ac:dyDescent="0.15"/>
    <row r="278" ht="15" customHeight="1" x14ac:dyDescent="0.15"/>
    <row r="279" ht="15" customHeight="1" x14ac:dyDescent="0.15"/>
    <row r="280" ht="15" customHeight="1" x14ac:dyDescent="0.15"/>
    <row r="281" ht="15" customHeight="1" x14ac:dyDescent="0.15"/>
    <row r="282" ht="15" customHeight="1" x14ac:dyDescent="0.15"/>
    <row r="283" ht="15" customHeight="1" x14ac:dyDescent="0.15"/>
    <row r="284" ht="15" customHeight="1" x14ac:dyDescent="0.15"/>
    <row r="285" ht="15" customHeight="1" x14ac:dyDescent="0.15"/>
    <row r="286" ht="15" customHeight="1" x14ac:dyDescent="0.15"/>
    <row r="287" ht="15" customHeight="1" x14ac:dyDescent="0.15"/>
    <row r="288" ht="15" customHeight="1" x14ac:dyDescent="0.15"/>
    <row r="289" ht="15" customHeight="1" x14ac:dyDescent="0.15"/>
    <row r="290" ht="15" customHeight="1" x14ac:dyDescent="0.15"/>
    <row r="291" ht="15" customHeight="1" x14ac:dyDescent="0.15"/>
    <row r="292" ht="15" customHeight="1" x14ac:dyDescent="0.15"/>
    <row r="293" ht="15" customHeight="1" x14ac:dyDescent="0.15"/>
    <row r="294" ht="15" customHeight="1" x14ac:dyDescent="0.15"/>
    <row r="295" ht="15" customHeight="1" x14ac:dyDescent="0.15"/>
    <row r="296" ht="15" customHeight="1" x14ac:dyDescent="0.15"/>
    <row r="297" ht="15" customHeight="1" x14ac:dyDescent="0.15"/>
    <row r="298" ht="15" customHeight="1" x14ac:dyDescent="0.15"/>
    <row r="299" ht="15" customHeight="1" x14ac:dyDescent="0.15"/>
    <row r="300" ht="15" customHeight="1" x14ac:dyDescent="0.15"/>
    <row r="301" ht="15" customHeight="1" x14ac:dyDescent="0.15"/>
    <row r="302" ht="15" customHeight="1" x14ac:dyDescent="0.15"/>
    <row r="303" ht="15" customHeight="1" x14ac:dyDescent="0.15"/>
    <row r="304" ht="15" customHeight="1" x14ac:dyDescent="0.15"/>
    <row r="305" ht="15" customHeight="1" x14ac:dyDescent="0.15"/>
    <row r="306" ht="15" customHeight="1" x14ac:dyDescent="0.15"/>
    <row r="307" ht="15" customHeight="1" x14ac:dyDescent="0.15"/>
    <row r="308" ht="15" customHeight="1" x14ac:dyDescent="0.15"/>
    <row r="309" ht="15" customHeight="1" x14ac:dyDescent="0.15"/>
    <row r="310" ht="15" customHeight="1" x14ac:dyDescent="0.15"/>
    <row r="311" ht="15" customHeight="1" x14ac:dyDescent="0.15"/>
    <row r="312" ht="15" customHeight="1" x14ac:dyDescent="0.15"/>
    <row r="313" ht="15" customHeight="1" x14ac:dyDescent="0.15"/>
    <row r="314" ht="15" customHeight="1" x14ac:dyDescent="0.15"/>
    <row r="315" ht="15" customHeight="1" x14ac:dyDescent="0.15"/>
    <row r="316" ht="15" customHeight="1" x14ac:dyDescent="0.15"/>
    <row r="317" ht="15" customHeight="1" x14ac:dyDescent="0.15"/>
    <row r="318" ht="15" customHeight="1" x14ac:dyDescent="0.15"/>
    <row r="319" ht="15" customHeight="1" x14ac:dyDescent="0.15"/>
    <row r="320" ht="15" customHeight="1" x14ac:dyDescent="0.15"/>
    <row r="321" ht="15" customHeight="1" x14ac:dyDescent="0.15"/>
    <row r="322" ht="15" customHeight="1" x14ac:dyDescent="0.15"/>
    <row r="323" ht="15" customHeight="1" x14ac:dyDescent="0.15"/>
    <row r="324" ht="15" customHeight="1" x14ac:dyDescent="0.15"/>
    <row r="325" ht="15" customHeight="1" x14ac:dyDescent="0.15"/>
    <row r="326" ht="15" customHeight="1" x14ac:dyDescent="0.15"/>
    <row r="327" ht="15" customHeight="1" x14ac:dyDescent="0.15"/>
    <row r="328" ht="15" customHeight="1" x14ac:dyDescent="0.15"/>
    <row r="329" ht="15" customHeight="1" x14ac:dyDescent="0.15"/>
    <row r="330" ht="15" customHeight="1" x14ac:dyDescent="0.15"/>
    <row r="331" ht="15" customHeight="1" x14ac:dyDescent="0.15"/>
    <row r="332" ht="15" customHeight="1" x14ac:dyDescent="0.15"/>
    <row r="333" ht="15" customHeight="1" x14ac:dyDescent="0.15"/>
    <row r="334" ht="15" customHeight="1" x14ac:dyDescent="0.15"/>
    <row r="335" ht="15" customHeight="1" x14ac:dyDescent="0.15"/>
    <row r="336" ht="15" customHeight="1" x14ac:dyDescent="0.15"/>
    <row r="337" ht="15" customHeight="1" x14ac:dyDescent="0.15"/>
    <row r="338" ht="15" customHeight="1" x14ac:dyDescent="0.15"/>
    <row r="339" ht="15" customHeight="1" x14ac:dyDescent="0.15"/>
    <row r="340" ht="15" customHeight="1" x14ac:dyDescent="0.15"/>
    <row r="341" ht="15" customHeight="1" x14ac:dyDescent="0.15"/>
    <row r="342" ht="15" customHeight="1" x14ac:dyDescent="0.15"/>
    <row r="343" ht="15" customHeight="1" x14ac:dyDescent="0.15"/>
    <row r="344" ht="15" customHeight="1" x14ac:dyDescent="0.15"/>
    <row r="345" ht="15" customHeight="1" x14ac:dyDescent="0.15"/>
    <row r="346" ht="15" customHeight="1" x14ac:dyDescent="0.15"/>
    <row r="347" ht="15" customHeight="1" x14ac:dyDescent="0.15"/>
    <row r="348" ht="15" customHeight="1" x14ac:dyDescent="0.15"/>
    <row r="349" ht="15" customHeight="1" x14ac:dyDescent="0.15"/>
    <row r="350" ht="15" customHeight="1" x14ac:dyDescent="0.15"/>
    <row r="351" ht="15" customHeight="1" x14ac:dyDescent="0.15"/>
    <row r="352" ht="15" customHeight="1" x14ac:dyDescent="0.15"/>
    <row r="353" ht="15" customHeight="1" x14ac:dyDescent="0.15"/>
    <row r="354" ht="15" customHeight="1" x14ac:dyDescent="0.15"/>
    <row r="355" ht="15" customHeight="1" x14ac:dyDescent="0.15"/>
    <row r="356" ht="15" customHeight="1" x14ac:dyDescent="0.15"/>
    <row r="357" ht="15" customHeight="1" x14ac:dyDescent="0.15"/>
    <row r="358" ht="15" customHeight="1" x14ac:dyDescent="0.15"/>
    <row r="359" ht="15" customHeight="1" x14ac:dyDescent="0.15"/>
    <row r="360" ht="15" customHeight="1" x14ac:dyDescent="0.15"/>
    <row r="361" ht="15" customHeight="1" x14ac:dyDescent="0.15"/>
    <row r="362" ht="15" customHeight="1" x14ac:dyDescent="0.15"/>
    <row r="363" ht="15" customHeight="1" x14ac:dyDescent="0.15"/>
    <row r="364" ht="15" customHeight="1" x14ac:dyDescent="0.15"/>
    <row r="365" ht="15" customHeight="1" x14ac:dyDescent="0.15"/>
    <row r="366" ht="15" customHeight="1" x14ac:dyDescent="0.15"/>
    <row r="367" ht="15" customHeight="1" x14ac:dyDescent="0.15"/>
    <row r="368" ht="15" customHeight="1" x14ac:dyDescent="0.15"/>
    <row r="369" ht="15" customHeight="1" x14ac:dyDescent="0.15"/>
    <row r="370" ht="15" customHeight="1" x14ac:dyDescent="0.15"/>
    <row r="371" ht="15" customHeight="1" x14ac:dyDescent="0.15"/>
    <row r="372" ht="15" customHeight="1" x14ac:dyDescent="0.15"/>
    <row r="373" ht="15" customHeight="1" x14ac:dyDescent="0.15"/>
    <row r="374" ht="15" customHeight="1" x14ac:dyDescent="0.15"/>
    <row r="375" ht="15" customHeight="1" x14ac:dyDescent="0.15"/>
    <row r="376" ht="15" customHeight="1" x14ac:dyDescent="0.15"/>
    <row r="377" ht="15" customHeight="1" x14ac:dyDescent="0.15"/>
    <row r="378" ht="15" customHeight="1" x14ac:dyDescent="0.15"/>
    <row r="379" ht="15" customHeight="1" x14ac:dyDescent="0.15"/>
    <row r="380" ht="15" customHeight="1" x14ac:dyDescent="0.15"/>
    <row r="381" ht="15" customHeight="1" x14ac:dyDescent="0.15"/>
    <row r="382" ht="15" customHeight="1" x14ac:dyDescent="0.15"/>
    <row r="383" ht="15" customHeight="1" x14ac:dyDescent="0.15"/>
    <row r="384" ht="15" customHeight="1" x14ac:dyDescent="0.15"/>
    <row r="385" ht="15" customHeight="1" x14ac:dyDescent="0.15"/>
    <row r="386" ht="15" customHeight="1" x14ac:dyDescent="0.15"/>
    <row r="387" ht="15" customHeight="1" x14ac:dyDescent="0.15"/>
    <row r="388" ht="15" customHeight="1" x14ac:dyDescent="0.15"/>
    <row r="389" ht="15" customHeight="1" x14ac:dyDescent="0.15"/>
    <row r="390" ht="15" customHeight="1" x14ac:dyDescent="0.15"/>
    <row r="391" ht="15" customHeight="1" x14ac:dyDescent="0.15"/>
    <row r="392" ht="15" customHeight="1" x14ac:dyDescent="0.15"/>
    <row r="393" ht="15" customHeight="1" x14ac:dyDescent="0.15"/>
    <row r="394" ht="15" customHeight="1" x14ac:dyDescent="0.15"/>
    <row r="395" ht="15" customHeight="1" x14ac:dyDescent="0.15"/>
    <row r="396" ht="15" customHeight="1" x14ac:dyDescent="0.15"/>
    <row r="397" ht="15" customHeight="1" x14ac:dyDescent="0.15"/>
    <row r="398" ht="15" customHeight="1" x14ac:dyDescent="0.15"/>
    <row r="399" ht="15" customHeight="1" x14ac:dyDescent="0.15"/>
    <row r="400" ht="15" customHeight="1" x14ac:dyDescent="0.15"/>
    <row r="401" ht="15" customHeight="1" x14ac:dyDescent="0.15"/>
    <row r="402" ht="15" customHeight="1" x14ac:dyDescent="0.15"/>
    <row r="403" ht="15" customHeight="1" x14ac:dyDescent="0.15"/>
    <row r="404" ht="15" customHeight="1" x14ac:dyDescent="0.15"/>
    <row r="405" ht="15" customHeight="1" x14ac:dyDescent="0.15"/>
    <row r="406" ht="15" customHeight="1" x14ac:dyDescent="0.15"/>
    <row r="407" ht="15" customHeight="1" x14ac:dyDescent="0.15"/>
    <row r="408" ht="15" customHeight="1" x14ac:dyDescent="0.15"/>
    <row r="409" ht="15" customHeight="1" x14ac:dyDescent="0.15"/>
    <row r="410" ht="15" customHeight="1" x14ac:dyDescent="0.15"/>
    <row r="411" ht="15" customHeight="1" x14ac:dyDescent="0.15"/>
    <row r="412" ht="15" customHeight="1" x14ac:dyDescent="0.15"/>
    <row r="413" ht="15" customHeight="1" x14ac:dyDescent="0.15"/>
    <row r="414" ht="15" customHeight="1" x14ac:dyDescent="0.15"/>
    <row r="415" ht="15" customHeight="1" x14ac:dyDescent="0.15"/>
    <row r="416" ht="15" customHeight="1" x14ac:dyDescent="0.15"/>
    <row r="417" ht="15" customHeight="1" x14ac:dyDescent="0.15"/>
    <row r="418" ht="15" customHeight="1" x14ac:dyDescent="0.15"/>
    <row r="419" ht="15" customHeight="1" x14ac:dyDescent="0.15"/>
    <row r="420" ht="15" customHeight="1" x14ac:dyDescent="0.15"/>
    <row r="421" ht="15" customHeight="1" x14ac:dyDescent="0.15"/>
    <row r="422" ht="15" customHeight="1" x14ac:dyDescent="0.15"/>
    <row r="423" ht="15" customHeight="1" x14ac:dyDescent="0.15"/>
    <row r="424" ht="15" customHeight="1" x14ac:dyDescent="0.15"/>
    <row r="425" ht="15" customHeight="1" x14ac:dyDescent="0.15"/>
    <row r="426" ht="15" customHeight="1" x14ac:dyDescent="0.15"/>
    <row r="427" ht="15" customHeight="1" x14ac:dyDescent="0.15"/>
    <row r="428" ht="15" customHeight="1" x14ac:dyDescent="0.15"/>
    <row r="429" ht="15" customHeight="1" x14ac:dyDescent="0.15"/>
    <row r="430" ht="15" customHeight="1" x14ac:dyDescent="0.15"/>
    <row r="431" ht="15" customHeight="1" x14ac:dyDescent="0.15"/>
    <row r="432" ht="15" customHeight="1" x14ac:dyDescent="0.15"/>
    <row r="433" ht="15" customHeight="1" x14ac:dyDescent="0.15"/>
    <row r="434" ht="15" customHeight="1" x14ac:dyDescent="0.15"/>
    <row r="435" ht="15" customHeight="1" x14ac:dyDescent="0.15"/>
    <row r="436" ht="15" customHeight="1" x14ac:dyDescent="0.15"/>
    <row r="437" ht="15" customHeight="1" x14ac:dyDescent="0.15"/>
    <row r="438" ht="15" customHeight="1" x14ac:dyDescent="0.15"/>
    <row r="439" ht="15" customHeight="1" x14ac:dyDescent="0.15"/>
    <row r="440" ht="15" customHeight="1" x14ac:dyDescent="0.15"/>
    <row r="441" ht="15" customHeight="1" x14ac:dyDescent="0.15"/>
    <row r="442" ht="15" customHeight="1" x14ac:dyDescent="0.15"/>
    <row r="443" ht="15" customHeight="1" x14ac:dyDescent="0.15"/>
    <row r="444" ht="15" customHeight="1" x14ac:dyDescent="0.15"/>
    <row r="445" ht="15" customHeight="1" x14ac:dyDescent="0.15"/>
    <row r="446" ht="15" customHeight="1" x14ac:dyDescent="0.15"/>
    <row r="447" ht="15" customHeight="1" x14ac:dyDescent="0.15"/>
    <row r="448" ht="15" customHeight="1" x14ac:dyDescent="0.15"/>
    <row r="449" ht="15" customHeight="1" x14ac:dyDescent="0.15"/>
    <row r="450" ht="15" customHeight="1" x14ac:dyDescent="0.15"/>
    <row r="451" ht="15" customHeight="1" x14ac:dyDescent="0.15"/>
    <row r="452" ht="15" customHeight="1" x14ac:dyDescent="0.15"/>
    <row r="453" ht="15" customHeight="1" x14ac:dyDescent="0.15"/>
    <row r="454" ht="15" customHeight="1" x14ac:dyDescent="0.15"/>
    <row r="455" ht="15" customHeight="1" x14ac:dyDescent="0.15"/>
    <row r="456" ht="15" customHeight="1" x14ac:dyDescent="0.15"/>
    <row r="457" ht="15" customHeight="1" x14ac:dyDescent="0.15"/>
    <row r="458" ht="15" customHeight="1" x14ac:dyDescent="0.15"/>
    <row r="459" ht="15" customHeight="1" x14ac:dyDescent="0.15"/>
    <row r="460" ht="15" customHeight="1" x14ac:dyDescent="0.15"/>
    <row r="461" ht="15" customHeight="1" x14ac:dyDescent="0.15"/>
    <row r="462" ht="15" customHeight="1" x14ac:dyDescent="0.15"/>
    <row r="463" ht="15" customHeight="1" x14ac:dyDescent="0.15"/>
    <row r="464" ht="15" customHeight="1" x14ac:dyDescent="0.15"/>
    <row r="465" ht="15" customHeight="1" x14ac:dyDescent="0.15"/>
    <row r="466" ht="15" customHeight="1" x14ac:dyDescent="0.15"/>
    <row r="467" ht="15" customHeight="1" x14ac:dyDescent="0.15"/>
    <row r="468" ht="15" customHeight="1" x14ac:dyDescent="0.15"/>
    <row r="469" ht="15" customHeight="1" x14ac:dyDescent="0.15"/>
    <row r="470" ht="15" customHeight="1" x14ac:dyDescent="0.15"/>
    <row r="471" ht="15" customHeight="1" x14ac:dyDescent="0.15"/>
    <row r="472" ht="15" customHeight="1" x14ac:dyDescent="0.15"/>
    <row r="473" ht="15" customHeight="1" x14ac:dyDescent="0.15"/>
    <row r="474" ht="15" customHeight="1" x14ac:dyDescent="0.15"/>
    <row r="475" ht="15" customHeight="1" x14ac:dyDescent="0.15"/>
    <row r="476" ht="15" customHeight="1" x14ac:dyDescent="0.15"/>
    <row r="477" ht="15" customHeight="1" x14ac:dyDescent="0.15"/>
    <row r="478" ht="15" customHeight="1" x14ac:dyDescent="0.15"/>
    <row r="479" ht="15" customHeight="1" x14ac:dyDescent="0.15"/>
    <row r="480" ht="15" customHeight="1" x14ac:dyDescent="0.15"/>
    <row r="481" ht="15" customHeight="1" x14ac:dyDescent="0.15"/>
    <row r="482" ht="15" customHeight="1" x14ac:dyDescent="0.15"/>
    <row r="483" ht="15" customHeight="1" x14ac:dyDescent="0.15"/>
    <row r="484" ht="15" customHeight="1" x14ac:dyDescent="0.15"/>
    <row r="485" ht="15" customHeight="1" x14ac:dyDescent="0.15"/>
    <row r="486" ht="15" customHeight="1" x14ac:dyDescent="0.15"/>
    <row r="487" ht="15" customHeight="1" x14ac:dyDescent="0.15"/>
    <row r="488" ht="15" customHeight="1" x14ac:dyDescent="0.15"/>
    <row r="489" ht="15" customHeight="1" x14ac:dyDescent="0.15"/>
    <row r="490" ht="15" customHeight="1" x14ac:dyDescent="0.15"/>
    <row r="491" ht="15" customHeight="1" x14ac:dyDescent="0.15"/>
    <row r="492" ht="15" customHeight="1" x14ac:dyDescent="0.15"/>
    <row r="493" ht="15" customHeight="1" x14ac:dyDescent="0.15"/>
    <row r="494" ht="15" customHeight="1" x14ac:dyDescent="0.15"/>
    <row r="495" ht="15" customHeight="1" x14ac:dyDescent="0.15"/>
    <row r="496" ht="15" customHeight="1" x14ac:dyDescent="0.15"/>
    <row r="497" ht="15" customHeight="1" x14ac:dyDescent="0.15"/>
    <row r="498" ht="15" customHeight="1" x14ac:dyDescent="0.15"/>
    <row r="499" ht="15" customHeight="1" x14ac:dyDescent="0.15"/>
    <row r="500" ht="15" customHeight="1" x14ac:dyDescent="0.15"/>
    <row r="501" ht="15" customHeight="1" x14ac:dyDescent="0.15"/>
    <row r="502" ht="15" customHeight="1" x14ac:dyDescent="0.15"/>
    <row r="503" ht="15" customHeight="1" x14ac:dyDescent="0.15"/>
    <row r="504" ht="15" customHeight="1" x14ac:dyDescent="0.15"/>
    <row r="505" ht="15" customHeight="1" x14ac:dyDescent="0.15"/>
    <row r="506" ht="15" customHeight="1" x14ac:dyDescent="0.15"/>
    <row r="507" ht="15" customHeight="1" x14ac:dyDescent="0.15"/>
    <row r="508" ht="15" customHeight="1" x14ac:dyDescent="0.15"/>
    <row r="509" ht="15" customHeight="1" x14ac:dyDescent="0.15"/>
    <row r="510" ht="15" customHeight="1" x14ac:dyDescent="0.15"/>
    <row r="511" ht="15" customHeight="1" x14ac:dyDescent="0.15"/>
    <row r="512" ht="15" customHeight="1" x14ac:dyDescent="0.15"/>
    <row r="513" ht="15" customHeight="1" x14ac:dyDescent="0.15"/>
    <row r="514" ht="15" customHeight="1" x14ac:dyDescent="0.15"/>
    <row r="515" ht="15" customHeight="1" x14ac:dyDescent="0.15"/>
    <row r="516" ht="15" customHeight="1" x14ac:dyDescent="0.15"/>
    <row r="517" ht="15" customHeight="1" x14ac:dyDescent="0.15"/>
    <row r="518" ht="15" customHeight="1" x14ac:dyDescent="0.15"/>
    <row r="519" ht="15" customHeight="1" x14ac:dyDescent="0.15"/>
    <row r="520" ht="15" customHeight="1" x14ac:dyDescent="0.15"/>
    <row r="521" ht="15" customHeight="1" x14ac:dyDescent="0.15"/>
    <row r="522" ht="15" customHeight="1" x14ac:dyDescent="0.15"/>
    <row r="523" ht="15" customHeight="1" x14ac:dyDescent="0.15"/>
    <row r="524" ht="15" customHeight="1" x14ac:dyDescent="0.15"/>
    <row r="525" ht="15" customHeight="1" x14ac:dyDescent="0.15"/>
    <row r="526" ht="15" customHeight="1" x14ac:dyDescent="0.15"/>
    <row r="527" ht="15" customHeight="1" x14ac:dyDescent="0.15"/>
    <row r="528" ht="15" customHeight="1" x14ac:dyDescent="0.15"/>
    <row r="529" ht="15" customHeight="1" x14ac:dyDescent="0.15"/>
    <row r="530" ht="15" customHeight="1" x14ac:dyDescent="0.15"/>
    <row r="531" ht="15" customHeight="1" x14ac:dyDescent="0.15"/>
    <row r="532" ht="15" customHeight="1" x14ac:dyDescent="0.15"/>
    <row r="533" ht="15" customHeight="1" x14ac:dyDescent="0.15"/>
    <row r="534" ht="15" customHeight="1" x14ac:dyDescent="0.15"/>
    <row r="535" ht="15" customHeight="1" x14ac:dyDescent="0.15"/>
    <row r="536" ht="15" customHeight="1" x14ac:dyDescent="0.15"/>
    <row r="537" ht="15" customHeight="1" x14ac:dyDescent="0.15"/>
    <row r="538" ht="15" customHeight="1" x14ac:dyDescent="0.15"/>
    <row r="539" ht="15" customHeight="1" x14ac:dyDescent="0.15"/>
    <row r="540" ht="15" customHeight="1" x14ac:dyDescent="0.15"/>
    <row r="541" ht="15" customHeight="1" x14ac:dyDescent="0.15"/>
    <row r="542" ht="15" customHeight="1" x14ac:dyDescent="0.15"/>
    <row r="543" ht="15" customHeight="1" x14ac:dyDescent="0.15"/>
    <row r="544" ht="15" customHeight="1" x14ac:dyDescent="0.15"/>
    <row r="545" ht="15" customHeight="1" x14ac:dyDescent="0.15"/>
    <row r="546" ht="15" customHeight="1" x14ac:dyDescent="0.15"/>
    <row r="547" ht="15" customHeight="1" x14ac:dyDescent="0.15"/>
    <row r="548" ht="15" customHeight="1" x14ac:dyDescent="0.15"/>
    <row r="549" ht="15" customHeight="1" x14ac:dyDescent="0.15"/>
    <row r="550" ht="15" customHeight="1" x14ac:dyDescent="0.15"/>
    <row r="551" ht="15" customHeight="1" x14ac:dyDescent="0.15"/>
    <row r="552" ht="15" customHeight="1" x14ac:dyDescent="0.15"/>
    <row r="553" ht="15" customHeight="1" x14ac:dyDescent="0.15"/>
    <row r="554" ht="15" customHeight="1" x14ac:dyDescent="0.15"/>
    <row r="555" ht="15" customHeight="1" x14ac:dyDescent="0.15"/>
    <row r="556" ht="15" customHeight="1" x14ac:dyDescent="0.15"/>
    <row r="557" ht="15" customHeight="1" x14ac:dyDescent="0.15"/>
    <row r="558" ht="15" customHeight="1" x14ac:dyDescent="0.15"/>
    <row r="559" ht="15" customHeight="1" x14ac:dyDescent="0.15"/>
    <row r="560" ht="15" customHeight="1" x14ac:dyDescent="0.15"/>
    <row r="561" ht="15" customHeight="1" x14ac:dyDescent="0.15"/>
    <row r="562" ht="15" customHeight="1" x14ac:dyDescent="0.15"/>
    <row r="563" ht="15" customHeight="1" x14ac:dyDescent="0.15"/>
    <row r="564" ht="15" customHeight="1" x14ac:dyDescent="0.15"/>
    <row r="565" ht="15" customHeight="1" x14ac:dyDescent="0.15"/>
    <row r="566" ht="15" customHeight="1" x14ac:dyDescent="0.15"/>
    <row r="567" ht="15" customHeight="1" x14ac:dyDescent="0.15"/>
    <row r="568" ht="15" customHeight="1" x14ac:dyDescent="0.15"/>
    <row r="569" ht="15" customHeight="1" x14ac:dyDescent="0.15"/>
    <row r="570" ht="15" customHeight="1" x14ac:dyDescent="0.15"/>
    <row r="571" ht="15" customHeight="1" x14ac:dyDescent="0.15"/>
    <row r="572" ht="15" customHeight="1" x14ac:dyDescent="0.15"/>
    <row r="573" ht="15" customHeight="1" x14ac:dyDescent="0.15"/>
    <row r="574" ht="15" customHeight="1" x14ac:dyDescent="0.15"/>
    <row r="575" ht="15" customHeight="1" x14ac:dyDescent="0.15"/>
    <row r="576" ht="15" customHeight="1" x14ac:dyDescent="0.15"/>
    <row r="577" ht="15" customHeight="1" x14ac:dyDescent="0.15"/>
    <row r="578" ht="15" customHeight="1" x14ac:dyDescent="0.15"/>
    <row r="579" ht="15" customHeight="1" x14ac:dyDescent="0.15"/>
    <row r="580" ht="15" customHeight="1" x14ac:dyDescent="0.15"/>
    <row r="581" ht="15" customHeight="1" x14ac:dyDescent="0.15"/>
    <row r="582" ht="15" customHeight="1" x14ac:dyDescent="0.15"/>
    <row r="583" ht="15" customHeight="1" x14ac:dyDescent="0.15"/>
    <row r="584" ht="15" customHeight="1" x14ac:dyDescent="0.15"/>
    <row r="585" ht="15" customHeight="1" x14ac:dyDescent="0.15"/>
    <row r="586" ht="15" customHeight="1" x14ac:dyDescent="0.15"/>
    <row r="587" ht="15" customHeight="1" x14ac:dyDescent="0.15"/>
    <row r="588" ht="15" customHeight="1" x14ac:dyDescent="0.15"/>
    <row r="589" ht="15" customHeight="1" x14ac:dyDescent="0.15"/>
    <row r="590" ht="15" customHeight="1" x14ac:dyDescent="0.15"/>
    <row r="591" ht="15" customHeight="1" x14ac:dyDescent="0.15"/>
    <row r="592" ht="15" customHeight="1" x14ac:dyDescent="0.15"/>
    <row r="593" ht="15" customHeight="1" x14ac:dyDescent="0.15"/>
    <row r="594" ht="15" customHeight="1" x14ac:dyDescent="0.15"/>
    <row r="595" ht="15" customHeight="1" x14ac:dyDescent="0.15"/>
    <row r="596" ht="15" customHeight="1" x14ac:dyDescent="0.15"/>
    <row r="597" ht="15" customHeight="1" x14ac:dyDescent="0.15"/>
    <row r="598" ht="15" customHeight="1" x14ac:dyDescent="0.15"/>
    <row r="599" ht="15" customHeight="1" x14ac:dyDescent="0.15"/>
    <row r="600" ht="15" customHeight="1" x14ac:dyDescent="0.15"/>
    <row r="601" ht="15" customHeight="1" x14ac:dyDescent="0.15"/>
    <row r="602" ht="15" customHeight="1" x14ac:dyDescent="0.15"/>
    <row r="603" ht="15" customHeight="1" x14ac:dyDescent="0.15"/>
    <row r="604" ht="15" customHeight="1" x14ac:dyDescent="0.15"/>
    <row r="605" ht="15" customHeight="1" x14ac:dyDescent="0.15"/>
    <row r="606" ht="15" customHeight="1" x14ac:dyDescent="0.15"/>
    <row r="607" ht="15" customHeight="1" x14ac:dyDescent="0.15"/>
    <row r="608" ht="15" customHeight="1" x14ac:dyDescent="0.15"/>
    <row r="609" ht="15" customHeight="1" x14ac:dyDescent="0.15"/>
    <row r="610" ht="15" customHeight="1" x14ac:dyDescent="0.15"/>
    <row r="611" ht="15" customHeight="1" x14ac:dyDescent="0.15"/>
    <row r="612" ht="15" customHeight="1" x14ac:dyDescent="0.15"/>
    <row r="613" ht="15" customHeight="1" x14ac:dyDescent="0.15"/>
    <row r="614" ht="15" customHeight="1" x14ac:dyDescent="0.15"/>
    <row r="615" ht="15" customHeight="1" x14ac:dyDescent="0.15"/>
    <row r="616" ht="15" customHeight="1" x14ac:dyDescent="0.15"/>
    <row r="617" ht="15" customHeight="1" x14ac:dyDescent="0.15"/>
    <row r="618" ht="15" customHeight="1" x14ac:dyDescent="0.15"/>
    <row r="619" ht="15" customHeight="1" x14ac:dyDescent="0.15"/>
    <row r="620" ht="15" customHeight="1" x14ac:dyDescent="0.15"/>
    <row r="621" ht="15" customHeight="1" x14ac:dyDescent="0.15"/>
    <row r="622" ht="15" customHeight="1" x14ac:dyDescent="0.15"/>
    <row r="623" ht="15" customHeight="1" x14ac:dyDescent="0.15"/>
    <row r="624" ht="15" customHeight="1" x14ac:dyDescent="0.15"/>
    <row r="625" ht="15" customHeight="1" x14ac:dyDescent="0.15"/>
    <row r="626" ht="15" customHeight="1" x14ac:dyDescent="0.15"/>
    <row r="627" ht="15" customHeight="1" x14ac:dyDescent="0.15"/>
    <row r="628" ht="15" customHeight="1" x14ac:dyDescent="0.15"/>
    <row r="629" ht="15" customHeight="1" x14ac:dyDescent="0.15"/>
    <row r="630" ht="15" customHeight="1" x14ac:dyDescent="0.15"/>
    <row r="631" ht="15" customHeight="1" x14ac:dyDescent="0.15"/>
    <row r="632" ht="15" customHeight="1" x14ac:dyDescent="0.15"/>
    <row r="633" ht="15" customHeight="1" x14ac:dyDescent="0.15"/>
    <row r="634" ht="15" customHeight="1" x14ac:dyDescent="0.15"/>
    <row r="635" ht="15" customHeight="1" x14ac:dyDescent="0.15"/>
    <row r="636" ht="15" customHeight="1" x14ac:dyDescent="0.15"/>
    <row r="637" ht="15" customHeight="1" x14ac:dyDescent="0.15"/>
    <row r="638" ht="15" customHeight="1" x14ac:dyDescent="0.15"/>
    <row r="639" ht="15" customHeight="1" x14ac:dyDescent="0.15"/>
    <row r="640" ht="15" customHeight="1" x14ac:dyDescent="0.15"/>
    <row r="641" ht="15" customHeight="1" x14ac:dyDescent="0.15"/>
    <row r="642" ht="15" customHeight="1" x14ac:dyDescent="0.15"/>
    <row r="643" ht="15" customHeight="1" x14ac:dyDescent="0.15"/>
    <row r="644" ht="15" customHeight="1" x14ac:dyDescent="0.15"/>
    <row r="645" ht="15" customHeight="1" x14ac:dyDescent="0.15"/>
    <row r="646" ht="15" customHeight="1" x14ac:dyDescent="0.15"/>
    <row r="647" ht="15" customHeight="1" x14ac:dyDescent="0.15"/>
    <row r="648" ht="15" customHeight="1" x14ac:dyDescent="0.15"/>
    <row r="649" ht="15" customHeight="1" x14ac:dyDescent="0.15"/>
    <row r="650" ht="15" customHeight="1" x14ac:dyDescent="0.15"/>
    <row r="651" ht="15" customHeight="1" x14ac:dyDescent="0.15"/>
    <row r="652" ht="15" customHeight="1" x14ac:dyDescent="0.15"/>
    <row r="653" ht="15" customHeight="1" x14ac:dyDescent="0.15"/>
    <row r="654" ht="15" customHeight="1" x14ac:dyDescent="0.15"/>
    <row r="655" ht="15" customHeight="1" x14ac:dyDescent="0.15"/>
    <row r="656" ht="15" customHeight="1" x14ac:dyDescent="0.15"/>
    <row r="657" ht="15" customHeight="1" x14ac:dyDescent="0.15"/>
    <row r="658" ht="15" customHeight="1" x14ac:dyDescent="0.15"/>
    <row r="659" ht="15" customHeight="1" x14ac:dyDescent="0.15"/>
    <row r="660" ht="15" customHeight="1" x14ac:dyDescent="0.15"/>
    <row r="661" ht="15" customHeight="1" x14ac:dyDescent="0.15"/>
    <row r="662" ht="15" customHeight="1" x14ac:dyDescent="0.15"/>
    <row r="663" ht="15" customHeight="1" x14ac:dyDescent="0.15"/>
    <row r="664" ht="15" customHeight="1" x14ac:dyDescent="0.15"/>
    <row r="665" ht="15" customHeight="1" x14ac:dyDescent="0.15"/>
    <row r="666" ht="15" customHeight="1" x14ac:dyDescent="0.15"/>
    <row r="667" ht="15" customHeight="1" x14ac:dyDescent="0.15"/>
    <row r="668" ht="15" customHeight="1" x14ac:dyDescent="0.15"/>
    <row r="669" ht="15" customHeight="1" x14ac:dyDescent="0.15"/>
    <row r="670" ht="15" customHeight="1" x14ac:dyDescent="0.15"/>
    <row r="671" ht="15" customHeight="1" x14ac:dyDescent="0.15"/>
    <row r="672" ht="15" customHeight="1" x14ac:dyDescent="0.15"/>
    <row r="673" ht="15" customHeight="1" x14ac:dyDescent="0.15"/>
    <row r="674" ht="15" customHeight="1" x14ac:dyDescent="0.15"/>
    <row r="675" ht="15" customHeight="1" x14ac:dyDescent="0.15"/>
    <row r="676" ht="15" customHeight="1" x14ac:dyDescent="0.15"/>
    <row r="677" ht="15" customHeight="1" x14ac:dyDescent="0.15"/>
    <row r="678" ht="15" customHeight="1" x14ac:dyDescent="0.15"/>
    <row r="679" ht="15" customHeight="1" x14ac:dyDescent="0.15"/>
    <row r="680" ht="15" customHeight="1" x14ac:dyDescent="0.15"/>
    <row r="681" ht="15" customHeight="1" x14ac:dyDescent="0.15"/>
    <row r="682" ht="15" customHeight="1" x14ac:dyDescent="0.15"/>
    <row r="683" ht="15" customHeight="1" x14ac:dyDescent="0.15"/>
    <row r="684" ht="15" customHeight="1" x14ac:dyDescent="0.15"/>
    <row r="685" ht="15" customHeight="1" x14ac:dyDescent="0.15"/>
    <row r="686" ht="15" customHeight="1" x14ac:dyDescent="0.15"/>
    <row r="687" ht="15" customHeight="1" x14ac:dyDescent="0.15"/>
    <row r="688" ht="15" customHeight="1" x14ac:dyDescent="0.15"/>
    <row r="689" ht="15" customHeight="1" x14ac:dyDescent="0.15"/>
    <row r="690" ht="15" customHeight="1" x14ac:dyDescent="0.15"/>
    <row r="691" ht="15" customHeight="1" x14ac:dyDescent="0.15"/>
    <row r="692" ht="15" customHeight="1" x14ac:dyDescent="0.15"/>
    <row r="693" ht="15" customHeight="1" x14ac:dyDescent="0.15"/>
    <row r="694" ht="15" customHeight="1" x14ac:dyDescent="0.15"/>
    <row r="695" ht="15" customHeight="1" x14ac:dyDescent="0.15"/>
    <row r="696" ht="15" customHeight="1" x14ac:dyDescent="0.15"/>
    <row r="697" ht="15" customHeight="1" x14ac:dyDescent="0.15"/>
    <row r="698" ht="15" customHeight="1" x14ac:dyDescent="0.15"/>
    <row r="699" ht="15" customHeight="1" x14ac:dyDescent="0.15"/>
    <row r="700" ht="15" customHeight="1" x14ac:dyDescent="0.15"/>
    <row r="701" ht="15" customHeight="1" x14ac:dyDescent="0.15"/>
    <row r="702" ht="15" customHeight="1" x14ac:dyDescent="0.15"/>
    <row r="703" ht="15" customHeight="1" x14ac:dyDescent="0.15"/>
    <row r="704" ht="15" customHeight="1" x14ac:dyDescent="0.15"/>
    <row r="705" ht="15" customHeight="1" x14ac:dyDescent="0.15"/>
    <row r="706" ht="15" customHeight="1" x14ac:dyDescent="0.15"/>
    <row r="707" ht="15" customHeight="1" x14ac:dyDescent="0.15"/>
    <row r="708" ht="15" customHeight="1" x14ac:dyDescent="0.15"/>
    <row r="709" ht="15" customHeight="1" x14ac:dyDescent="0.15"/>
    <row r="710" ht="15" customHeight="1" x14ac:dyDescent="0.15"/>
    <row r="711" ht="15" customHeight="1" x14ac:dyDescent="0.15"/>
    <row r="712" ht="15" customHeight="1" x14ac:dyDescent="0.15"/>
    <row r="713" ht="15" customHeight="1" x14ac:dyDescent="0.15"/>
    <row r="714" ht="15" customHeight="1" x14ac:dyDescent="0.15"/>
    <row r="715" ht="15" customHeight="1" x14ac:dyDescent="0.15"/>
    <row r="716" ht="15" customHeight="1" x14ac:dyDescent="0.15"/>
    <row r="717" ht="15" customHeight="1" x14ac:dyDescent="0.15"/>
    <row r="718" ht="15" customHeight="1" x14ac:dyDescent="0.15"/>
    <row r="719" ht="15" customHeight="1" x14ac:dyDescent="0.15"/>
    <row r="720" ht="15" customHeight="1" x14ac:dyDescent="0.15"/>
    <row r="721" ht="15" customHeight="1" x14ac:dyDescent="0.15"/>
    <row r="722" ht="15" customHeight="1" x14ac:dyDescent="0.15"/>
    <row r="723" ht="15" customHeight="1" x14ac:dyDescent="0.15"/>
    <row r="724" ht="15" customHeight="1" x14ac:dyDescent="0.15"/>
    <row r="725" ht="15" customHeight="1" x14ac:dyDescent="0.15"/>
    <row r="726" ht="15" customHeight="1" x14ac:dyDescent="0.15"/>
    <row r="727" ht="15" customHeight="1" x14ac:dyDescent="0.15"/>
    <row r="728" ht="15" customHeight="1" x14ac:dyDescent="0.15"/>
    <row r="729" ht="15" customHeight="1" x14ac:dyDescent="0.15"/>
    <row r="730" ht="15" customHeight="1" x14ac:dyDescent="0.15"/>
    <row r="731" ht="15" customHeight="1" x14ac:dyDescent="0.15"/>
    <row r="732" ht="15" customHeight="1" x14ac:dyDescent="0.15"/>
    <row r="733" ht="15" customHeight="1" x14ac:dyDescent="0.15"/>
    <row r="734" ht="15" customHeight="1" x14ac:dyDescent="0.15"/>
    <row r="735" ht="15" customHeight="1" x14ac:dyDescent="0.15"/>
    <row r="736" ht="15" customHeight="1" x14ac:dyDescent="0.15"/>
    <row r="737" ht="15" customHeight="1" x14ac:dyDescent="0.15"/>
    <row r="738" ht="15" customHeight="1" x14ac:dyDescent="0.15"/>
    <row r="739" ht="15" customHeight="1" x14ac:dyDescent="0.15"/>
    <row r="740" ht="15" customHeight="1" x14ac:dyDescent="0.15"/>
    <row r="741" ht="15" customHeight="1" x14ac:dyDescent="0.15"/>
    <row r="742" ht="15" customHeight="1" x14ac:dyDescent="0.15"/>
    <row r="743" ht="15" customHeight="1" x14ac:dyDescent="0.15"/>
    <row r="744" ht="15" customHeight="1" x14ac:dyDescent="0.15"/>
    <row r="745" ht="15" customHeight="1" x14ac:dyDescent="0.15"/>
    <row r="746" ht="15" customHeight="1" x14ac:dyDescent="0.15"/>
    <row r="747" ht="15" customHeight="1" x14ac:dyDescent="0.15"/>
    <row r="748" ht="15" customHeight="1" x14ac:dyDescent="0.15"/>
    <row r="749" ht="15" customHeight="1" x14ac:dyDescent="0.15"/>
    <row r="750" ht="15" customHeight="1" x14ac:dyDescent="0.15"/>
    <row r="751" ht="15" customHeight="1" x14ac:dyDescent="0.15"/>
    <row r="752" ht="15" customHeight="1" x14ac:dyDescent="0.15"/>
    <row r="753" ht="15" customHeight="1" x14ac:dyDescent="0.15"/>
    <row r="754" ht="15" customHeight="1" x14ac:dyDescent="0.15"/>
    <row r="755" ht="15" customHeight="1" x14ac:dyDescent="0.15"/>
    <row r="756" ht="15" customHeight="1" x14ac:dyDescent="0.15"/>
    <row r="757" ht="15" customHeight="1" x14ac:dyDescent="0.15"/>
    <row r="758" ht="15" customHeight="1" x14ac:dyDescent="0.15"/>
    <row r="759" ht="15" customHeight="1" x14ac:dyDescent="0.15"/>
    <row r="760" ht="15" customHeight="1" x14ac:dyDescent="0.15"/>
    <row r="761" ht="15" customHeight="1" x14ac:dyDescent="0.15"/>
    <row r="762" ht="15" customHeight="1" x14ac:dyDescent="0.15"/>
    <row r="763" ht="15" customHeight="1" x14ac:dyDescent="0.15"/>
    <row r="764" ht="15" customHeight="1" x14ac:dyDescent="0.15"/>
    <row r="765" ht="15" customHeight="1" x14ac:dyDescent="0.15"/>
    <row r="766" ht="15" customHeight="1" x14ac:dyDescent="0.15"/>
    <row r="767" ht="15" customHeight="1" x14ac:dyDescent="0.15"/>
    <row r="768" ht="15" customHeight="1" x14ac:dyDescent="0.15"/>
    <row r="769" ht="15" customHeight="1" x14ac:dyDescent="0.15"/>
    <row r="770" ht="15" customHeight="1" x14ac:dyDescent="0.15"/>
    <row r="771" ht="15" customHeight="1" x14ac:dyDescent="0.15"/>
    <row r="772" ht="15" customHeight="1" x14ac:dyDescent="0.15"/>
    <row r="773" ht="15" customHeight="1" x14ac:dyDescent="0.15"/>
    <row r="774" ht="15" customHeight="1" x14ac:dyDescent="0.15"/>
    <row r="775" ht="15" customHeight="1" x14ac:dyDescent="0.15"/>
    <row r="776" ht="15" customHeight="1" x14ac:dyDescent="0.15"/>
    <row r="777" ht="15" customHeight="1" x14ac:dyDescent="0.15"/>
    <row r="778" ht="15" customHeight="1" x14ac:dyDescent="0.15"/>
    <row r="779" ht="15" customHeight="1" x14ac:dyDescent="0.15"/>
    <row r="780" ht="15" customHeight="1" x14ac:dyDescent="0.15"/>
    <row r="781" ht="15" customHeight="1" x14ac:dyDescent="0.15"/>
    <row r="782" ht="15" customHeight="1" x14ac:dyDescent="0.15"/>
    <row r="783" ht="15" customHeight="1" x14ac:dyDescent="0.15"/>
    <row r="784" ht="15" customHeight="1" x14ac:dyDescent="0.15"/>
    <row r="785" ht="15" customHeight="1" x14ac:dyDescent="0.15"/>
    <row r="786" ht="15" customHeight="1" x14ac:dyDescent="0.15"/>
    <row r="787" ht="15" customHeight="1" x14ac:dyDescent="0.15"/>
    <row r="788" ht="15" customHeight="1" x14ac:dyDescent="0.15"/>
    <row r="789" ht="15" customHeight="1" x14ac:dyDescent="0.15"/>
    <row r="790" ht="15" customHeight="1" x14ac:dyDescent="0.15"/>
    <row r="791" ht="15" customHeight="1" x14ac:dyDescent="0.15"/>
    <row r="792" ht="15" customHeight="1" x14ac:dyDescent="0.15"/>
    <row r="793" ht="15" customHeight="1" x14ac:dyDescent="0.15"/>
    <row r="794" ht="15" customHeight="1" x14ac:dyDescent="0.15"/>
    <row r="795" ht="15" customHeight="1" x14ac:dyDescent="0.15"/>
    <row r="796" ht="15" customHeight="1" x14ac:dyDescent="0.15"/>
    <row r="797" ht="15" customHeight="1" x14ac:dyDescent="0.15"/>
    <row r="798" ht="15" customHeight="1" x14ac:dyDescent="0.15"/>
    <row r="799" ht="15" customHeight="1" x14ac:dyDescent="0.15"/>
    <row r="800" ht="15" customHeight="1" x14ac:dyDescent="0.15"/>
    <row r="801" ht="15" customHeight="1" x14ac:dyDescent="0.15"/>
    <row r="802" ht="15" customHeight="1" x14ac:dyDescent="0.15"/>
    <row r="803" ht="15" customHeight="1" x14ac:dyDescent="0.15"/>
    <row r="804" ht="15" customHeight="1" x14ac:dyDescent="0.15"/>
    <row r="805" ht="15" customHeight="1" x14ac:dyDescent="0.15"/>
    <row r="806" ht="15" customHeight="1" x14ac:dyDescent="0.15"/>
    <row r="807" ht="15" customHeight="1" x14ac:dyDescent="0.15"/>
    <row r="808" ht="15" customHeight="1" x14ac:dyDescent="0.15"/>
    <row r="809" ht="15" customHeight="1" x14ac:dyDescent="0.15"/>
    <row r="810" ht="15" customHeight="1" x14ac:dyDescent="0.15"/>
    <row r="811" ht="15" customHeight="1" x14ac:dyDescent="0.15"/>
    <row r="812" ht="15" customHeight="1" x14ac:dyDescent="0.15"/>
    <row r="813" ht="15" customHeight="1" x14ac:dyDescent="0.15"/>
    <row r="814" ht="15" customHeight="1" x14ac:dyDescent="0.15"/>
    <row r="815" ht="15" customHeight="1" x14ac:dyDescent="0.15"/>
    <row r="816" ht="15" customHeight="1" x14ac:dyDescent="0.15"/>
    <row r="817" ht="15" customHeight="1" x14ac:dyDescent="0.15"/>
    <row r="818" ht="15" customHeight="1" x14ac:dyDescent="0.15"/>
    <row r="819" ht="15" customHeight="1" x14ac:dyDescent="0.15"/>
    <row r="820" ht="15" customHeight="1" x14ac:dyDescent="0.15"/>
    <row r="821" ht="15" customHeight="1" x14ac:dyDescent="0.15"/>
    <row r="822" ht="15" customHeight="1" x14ac:dyDescent="0.15"/>
    <row r="823" ht="15" customHeight="1" x14ac:dyDescent="0.15"/>
    <row r="824" ht="15" customHeight="1" x14ac:dyDescent="0.15"/>
    <row r="825" ht="15" customHeight="1" x14ac:dyDescent="0.15"/>
    <row r="826" ht="15" customHeight="1" x14ac:dyDescent="0.15"/>
    <row r="827" ht="15" customHeight="1" x14ac:dyDescent="0.15"/>
    <row r="828" ht="15" customHeight="1" x14ac:dyDescent="0.15"/>
    <row r="829" ht="15" customHeight="1" x14ac:dyDescent="0.15"/>
    <row r="830" ht="15" customHeight="1" x14ac:dyDescent="0.15"/>
    <row r="831" ht="15" customHeight="1" x14ac:dyDescent="0.15"/>
    <row r="832" ht="15" customHeight="1" x14ac:dyDescent="0.15"/>
    <row r="833" ht="15" customHeight="1" x14ac:dyDescent="0.15"/>
    <row r="834" ht="15" customHeight="1" x14ac:dyDescent="0.15"/>
    <row r="835" ht="15" customHeight="1" x14ac:dyDescent="0.15"/>
    <row r="836" ht="15" customHeight="1" x14ac:dyDescent="0.15"/>
    <row r="837" ht="15" customHeight="1" x14ac:dyDescent="0.15"/>
    <row r="838" ht="15" customHeight="1" x14ac:dyDescent="0.15"/>
    <row r="839" ht="15" customHeight="1" x14ac:dyDescent="0.15"/>
    <row r="840" ht="15" customHeight="1" x14ac:dyDescent="0.15"/>
    <row r="841" ht="15" customHeight="1" x14ac:dyDescent="0.15"/>
    <row r="842" ht="15" customHeight="1" x14ac:dyDescent="0.15"/>
    <row r="843" ht="15" customHeight="1" x14ac:dyDescent="0.15"/>
    <row r="844" ht="15" customHeight="1" x14ac:dyDescent="0.15"/>
    <row r="845" ht="15" customHeight="1" x14ac:dyDescent="0.15"/>
    <row r="846" ht="15" customHeight="1" x14ac:dyDescent="0.15"/>
    <row r="847" ht="15" customHeight="1" x14ac:dyDescent="0.15"/>
    <row r="848" ht="15" customHeight="1" x14ac:dyDescent="0.15"/>
    <row r="849" ht="15" customHeight="1" x14ac:dyDescent="0.15"/>
    <row r="850" ht="15" customHeight="1" x14ac:dyDescent="0.15"/>
    <row r="851" ht="15" customHeight="1" x14ac:dyDescent="0.15"/>
    <row r="852" ht="15" customHeight="1" x14ac:dyDescent="0.15"/>
    <row r="853" ht="15" customHeight="1" x14ac:dyDescent="0.15"/>
    <row r="854" ht="15" customHeight="1" x14ac:dyDescent="0.15"/>
    <row r="855" ht="15" customHeight="1" x14ac:dyDescent="0.15"/>
    <row r="856" ht="15" customHeight="1" x14ac:dyDescent="0.15"/>
    <row r="857" ht="15" customHeight="1" x14ac:dyDescent="0.15"/>
    <row r="858" ht="15" customHeight="1" x14ac:dyDescent="0.15"/>
    <row r="859" ht="15" customHeight="1" x14ac:dyDescent="0.15"/>
    <row r="860" ht="15" customHeight="1" x14ac:dyDescent="0.15"/>
    <row r="861" ht="15" customHeight="1" x14ac:dyDescent="0.15"/>
    <row r="862" ht="15" customHeight="1" x14ac:dyDescent="0.15"/>
    <row r="863" ht="15" customHeight="1" x14ac:dyDescent="0.15"/>
    <row r="864" ht="15" customHeight="1" x14ac:dyDescent="0.15"/>
    <row r="865" ht="15" customHeight="1" x14ac:dyDescent="0.15"/>
    <row r="866" ht="15" customHeight="1" x14ac:dyDescent="0.15"/>
    <row r="867" ht="15" customHeight="1" x14ac:dyDescent="0.15"/>
    <row r="868" ht="15" customHeight="1" x14ac:dyDescent="0.15"/>
    <row r="869" ht="15" customHeight="1" x14ac:dyDescent="0.15"/>
    <row r="870" ht="15" customHeight="1" x14ac:dyDescent="0.15"/>
    <row r="871" ht="15" customHeight="1" x14ac:dyDescent="0.15"/>
    <row r="872" ht="15" customHeight="1" x14ac:dyDescent="0.15"/>
    <row r="873" ht="15" customHeight="1" x14ac:dyDescent="0.15"/>
    <row r="874" ht="15" customHeight="1" x14ac:dyDescent="0.15"/>
    <row r="875" ht="15" customHeight="1" x14ac:dyDescent="0.15"/>
    <row r="876" ht="15" customHeight="1" x14ac:dyDescent="0.15"/>
    <row r="877" ht="15" customHeight="1" x14ac:dyDescent="0.15"/>
    <row r="878" ht="15" customHeight="1" x14ac:dyDescent="0.15"/>
    <row r="879" ht="15" customHeight="1" x14ac:dyDescent="0.15"/>
    <row r="880" ht="15" customHeight="1" x14ac:dyDescent="0.15"/>
    <row r="881" ht="15" customHeight="1" x14ac:dyDescent="0.15"/>
    <row r="882" ht="15" customHeight="1" x14ac:dyDescent="0.15"/>
    <row r="883" ht="15" customHeight="1" x14ac:dyDescent="0.15"/>
    <row r="884" ht="15" customHeight="1" x14ac:dyDescent="0.15"/>
    <row r="885" ht="15" customHeight="1" x14ac:dyDescent="0.15"/>
    <row r="886" ht="15" customHeight="1" x14ac:dyDescent="0.15"/>
    <row r="887" ht="15" customHeight="1" x14ac:dyDescent="0.15"/>
    <row r="888" ht="15" customHeight="1" x14ac:dyDescent="0.15"/>
    <row r="889" ht="15" customHeight="1" x14ac:dyDescent="0.15"/>
    <row r="890" ht="15" customHeight="1" x14ac:dyDescent="0.15"/>
    <row r="891" ht="15" customHeight="1" x14ac:dyDescent="0.15"/>
    <row r="892" ht="15" customHeight="1" x14ac:dyDescent="0.15"/>
    <row r="893" ht="15" customHeight="1" x14ac:dyDescent="0.15"/>
    <row r="894" ht="15" customHeight="1" x14ac:dyDescent="0.15"/>
    <row r="895" ht="15" customHeight="1" x14ac:dyDescent="0.15"/>
    <row r="896" ht="15" customHeight="1" x14ac:dyDescent="0.15"/>
    <row r="897" ht="15" customHeight="1" x14ac:dyDescent="0.15"/>
    <row r="898" ht="15" customHeight="1" x14ac:dyDescent="0.15"/>
    <row r="899" ht="15" customHeight="1" x14ac:dyDescent="0.15"/>
    <row r="900" ht="15" customHeight="1" x14ac:dyDescent="0.15"/>
    <row r="901" ht="15" customHeight="1" x14ac:dyDescent="0.15"/>
    <row r="902" ht="15" customHeight="1" x14ac:dyDescent="0.15"/>
    <row r="903" ht="15" customHeight="1" x14ac:dyDescent="0.15"/>
    <row r="904" ht="15" customHeight="1" x14ac:dyDescent="0.15"/>
    <row r="905" ht="15" customHeight="1" x14ac:dyDescent="0.15"/>
    <row r="906" ht="15" customHeight="1" x14ac:dyDescent="0.15"/>
    <row r="907" ht="15" customHeight="1" x14ac:dyDescent="0.15"/>
    <row r="908" ht="15" customHeight="1" x14ac:dyDescent="0.15"/>
    <row r="909" ht="15" customHeight="1" x14ac:dyDescent="0.15"/>
    <row r="910" ht="15" customHeight="1" x14ac:dyDescent="0.15"/>
    <row r="911" ht="15" customHeight="1" x14ac:dyDescent="0.15"/>
    <row r="912" ht="15" customHeight="1" x14ac:dyDescent="0.15"/>
    <row r="913" ht="15" customHeight="1" x14ac:dyDescent="0.15"/>
    <row r="914" ht="15" customHeight="1" x14ac:dyDescent="0.15"/>
    <row r="915" ht="15" customHeight="1" x14ac:dyDescent="0.15"/>
    <row r="916" ht="15" customHeight="1" x14ac:dyDescent="0.15"/>
    <row r="917" ht="15" customHeight="1" x14ac:dyDescent="0.15"/>
    <row r="918" ht="15" customHeight="1" x14ac:dyDescent="0.15"/>
    <row r="919" ht="15" customHeight="1" x14ac:dyDescent="0.15"/>
    <row r="920" ht="15" customHeight="1" x14ac:dyDescent="0.15"/>
    <row r="921" ht="15" customHeight="1" x14ac:dyDescent="0.15"/>
    <row r="922" ht="15" customHeight="1" x14ac:dyDescent="0.15"/>
    <row r="923" ht="15" customHeight="1" x14ac:dyDescent="0.15"/>
    <row r="924" ht="15" customHeight="1" x14ac:dyDescent="0.15"/>
    <row r="925" ht="15" customHeight="1" x14ac:dyDescent="0.15"/>
    <row r="926" ht="15" customHeight="1" x14ac:dyDescent="0.15"/>
    <row r="927" ht="15" customHeight="1" x14ac:dyDescent="0.15"/>
    <row r="928" ht="15" customHeight="1" x14ac:dyDescent="0.15"/>
    <row r="929" ht="15" customHeight="1" x14ac:dyDescent="0.15"/>
    <row r="930" ht="15" customHeight="1" x14ac:dyDescent="0.15"/>
    <row r="931" ht="15" customHeight="1" x14ac:dyDescent="0.15"/>
    <row r="932" ht="15" customHeight="1" x14ac:dyDescent="0.15"/>
    <row r="933" ht="15" customHeight="1" x14ac:dyDescent="0.15"/>
    <row r="934" ht="15" customHeight="1" x14ac:dyDescent="0.15"/>
    <row r="935" ht="15" customHeight="1" x14ac:dyDescent="0.15"/>
    <row r="936" ht="15" customHeight="1" x14ac:dyDescent="0.15"/>
    <row r="937" ht="15" customHeight="1" x14ac:dyDescent="0.15"/>
    <row r="938" ht="15" customHeight="1" x14ac:dyDescent="0.15"/>
    <row r="939" ht="15" customHeight="1" x14ac:dyDescent="0.15"/>
    <row r="940" ht="15" customHeight="1" x14ac:dyDescent="0.15"/>
    <row r="941" ht="15" customHeight="1" x14ac:dyDescent="0.15"/>
    <row r="942" ht="15" customHeight="1" x14ac:dyDescent="0.15"/>
    <row r="943" ht="15" customHeight="1" x14ac:dyDescent="0.15"/>
    <row r="944" ht="15" customHeight="1" x14ac:dyDescent="0.15"/>
    <row r="945" ht="15" customHeight="1" x14ac:dyDescent="0.15"/>
    <row r="946" ht="15" customHeight="1" x14ac:dyDescent="0.15"/>
    <row r="947" ht="15" customHeight="1" x14ac:dyDescent="0.15"/>
    <row r="948" ht="15" customHeight="1" x14ac:dyDescent="0.15"/>
    <row r="949" ht="15" customHeight="1" x14ac:dyDescent="0.15"/>
    <row r="950" ht="15" customHeight="1" x14ac:dyDescent="0.15"/>
    <row r="951" ht="15" customHeight="1" x14ac:dyDescent="0.15"/>
    <row r="952" ht="15" customHeight="1" x14ac:dyDescent="0.15"/>
    <row r="953" ht="15" customHeight="1" x14ac:dyDescent="0.15"/>
    <row r="954" ht="15" customHeight="1" x14ac:dyDescent="0.15"/>
    <row r="955" ht="15" customHeight="1" x14ac:dyDescent="0.15"/>
    <row r="956" ht="15" customHeight="1" x14ac:dyDescent="0.15"/>
    <row r="957" ht="15" customHeight="1" x14ac:dyDescent="0.15"/>
    <row r="958" ht="15" customHeight="1" x14ac:dyDescent="0.15"/>
    <row r="959" ht="15" customHeight="1" x14ac:dyDescent="0.15"/>
    <row r="960" ht="15" customHeight="1" x14ac:dyDescent="0.15"/>
    <row r="961" ht="15" customHeight="1" x14ac:dyDescent="0.15"/>
    <row r="962" ht="15" customHeight="1" x14ac:dyDescent="0.15"/>
    <row r="963" ht="15" customHeight="1" x14ac:dyDescent="0.15"/>
    <row r="964" ht="15" customHeight="1" x14ac:dyDescent="0.15"/>
    <row r="965" ht="15" customHeight="1" x14ac:dyDescent="0.15"/>
    <row r="966" ht="15" customHeight="1" x14ac:dyDescent="0.15"/>
    <row r="967" ht="15" customHeight="1" x14ac:dyDescent="0.15"/>
    <row r="968" ht="15" customHeight="1" x14ac:dyDescent="0.15"/>
    <row r="969" ht="15" customHeight="1" x14ac:dyDescent="0.15"/>
    <row r="970" ht="15" customHeight="1" x14ac:dyDescent="0.15"/>
    <row r="971" ht="15" customHeight="1" x14ac:dyDescent="0.15"/>
    <row r="972" ht="15" customHeight="1" x14ac:dyDescent="0.15"/>
    <row r="973" ht="15" customHeight="1" x14ac:dyDescent="0.15"/>
    <row r="974" ht="15" customHeight="1" x14ac:dyDescent="0.15"/>
    <row r="975" ht="15" customHeight="1" x14ac:dyDescent="0.15"/>
    <row r="976" ht="15" customHeight="1" x14ac:dyDescent="0.15"/>
    <row r="977" ht="15" customHeight="1" x14ac:dyDescent="0.15"/>
    <row r="978" ht="15" customHeight="1" x14ac:dyDescent="0.15"/>
    <row r="979" ht="15" customHeight="1" x14ac:dyDescent="0.15"/>
    <row r="980" ht="15" customHeight="1" x14ac:dyDescent="0.15"/>
    <row r="981" ht="15" customHeight="1" x14ac:dyDescent="0.15"/>
    <row r="982" ht="15" customHeight="1" x14ac:dyDescent="0.15"/>
    <row r="983" ht="15" customHeight="1" x14ac:dyDescent="0.15"/>
    <row r="984" ht="15" customHeight="1" x14ac:dyDescent="0.15"/>
    <row r="985" ht="15" customHeight="1" x14ac:dyDescent="0.15"/>
    <row r="986" ht="15" customHeight="1" x14ac:dyDescent="0.15"/>
    <row r="987" ht="15" customHeight="1" x14ac:dyDescent="0.15"/>
    <row r="988" ht="15" customHeight="1" x14ac:dyDescent="0.15"/>
    <row r="989" ht="15" customHeight="1" x14ac:dyDescent="0.15"/>
    <row r="990" ht="15" customHeight="1" x14ac:dyDescent="0.15"/>
    <row r="991" ht="15" customHeight="1" x14ac:dyDescent="0.15"/>
    <row r="992" ht="15" customHeight="1" x14ac:dyDescent="0.15"/>
    <row r="993" ht="15" customHeight="1" x14ac:dyDescent="0.15"/>
    <row r="994" ht="15" customHeight="1" x14ac:dyDescent="0.15"/>
    <row r="995" ht="15" customHeight="1" x14ac:dyDescent="0.15"/>
    <row r="996" ht="15" customHeight="1" x14ac:dyDescent="0.15"/>
    <row r="997" ht="15" customHeight="1" x14ac:dyDescent="0.15"/>
    <row r="998" ht="15" customHeight="1" x14ac:dyDescent="0.15"/>
    <row r="999" ht="15" customHeight="1" x14ac:dyDescent="0.15"/>
    <row r="1000" ht="15" customHeight="1" x14ac:dyDescent="0.15"/>
    <row r="1001" ht="15" customHeight="1" x14ac:dyDescent="0.15"/>
    <row r="1002" ht="15" customHeight="1" x14ac:dyDescent="0.15"/>
    <row r="1003" ht="15" customHeight="1" x14ac:dyDescent="0.15"/>
    <row r="1004" ht="15" customHeight="1" x14ac:dyDescent="0.15"/>
    <row r="1005" ht="15" customHeight="1" x14ac:dyDescent="0.15"/>
    <row r="1006" ht="15" customHeight="1" x14ac:dyDescent="0.15"/>
    <row r="1007" ht="15" customHeight="1" x14ac:dyDescent="0.15"/>
    <row r="1008" ht="15" customHeight="1" x14ac:dyDescent="0.15"/>
    <row r="1009" ht="15" customHeight="1" x14ac:dyDescent="0.15"/>
    <row r="1010" ht="15" customHeight="1" x14ac:dyDescent="0.15"/>
    <row r="1011" ht="15" customHeight="1" x14ac:dyDescent="0.15"/>
    <row r="1012" ht="15" customHeight="1" x14ac:dyDescent="0.15"/>
    <row r="1013" ht="15" customHeight="1" x14ac:dyDescent="0.15"/>
    <row r="1014" ht="15" customHeight="1" x14ac:dyDescent="0.15"/>
    <row r="1015" ht="15" customHeight="1" x14ac:dyDescent="0.15"/>
    <row r="1016" ht="15" customHeight="1" x14ac:dyDescent="0.15"/>
    <row r="1017" ht="15" customHeight="1" x14ac:dyDescent="0.15"/>
    <row r="1018" ht="15" customHeight="1" x14ac:dyDescent="0.15"/>
    <row r="1019" ht="15" customHeight="1" x14ac:dyDescent="0.15"/>
    <row r="1020" ht="15" customHeight="1" x14ac:dyDescent="0.15"/>
    <row r="1021" ht="15" customHeight="1" x14ac:dyDescent="0.15"/>
    <row r="1022" ht="15" customHeight="1" x14ac:dyDescent="0.15"/>
    <row r="1023" ht="15" customHeight="1" x14ac:dyDescent="0.15"/>
    <row r="1024" ht="15" customHeight="1" x14ac:dyDescent="0.15"/>
    <row r="1025" ht="15" customHeight="1" x14ac:dyDescent="0.15"/>
    <row r="1026" ht="15" customHeight="1" x14ac:dyDescent="0.15"/>
    <row r="1027" ht="15" customHeight="1" x14ac:dyDescent="0.15"/>
    <row r="1028" ht="15" customHeight="1" x14ac:dyDescent="0.15"/>
    <row r="1029" ht="15" customHeight="1" x14ac:dyDescent="0.15"/>
    <row r="1030" ht="15" customHeight="1" x14ac:dyDescent="0.15"/>
    <row r="1031" ht="15" customHeight="1" x14ac:dyDescent="0.15"/>
    <row r="1032" ht="15" customHeight="1" x14ac:dyDescent="0.15"/>
    <row r="1033" ht="15" customHeight="1" x14ac:dyDescent="0.15"/>
    <row r="1034" ht="15" customHeight="1" x14ac:dyDescent="0.15"/>
    <row r="1035" ht="15" customHeight="1" x14ac:dyDescent="0.15"/>
    <row r="1036" ht="15" customHeight="1" x14ac:dyDescent="0.15"/>
    <row r="1037" ht="15" customHeight="1" x14ac:dyDescent="0.15"/>
    <row r="1038" ht="15" customHeight="1" x14ac:dyDescent="0.15"/>
    <row r="1039" ht="15" customHeight="1" x14ac:dyDescent="0.15"/>
    <row r="1040" ht="15" customHeight="1" x14ac:dyDescent="0.15"/>
    <row r="1041" ht="15" customHeight="1" x14ac:dyDescent="0.15"/>
    <row r="1042" ht="15" customHeight="1" x14ac:dyDescent="0.15"/>
    <row r="1043" ht="15" customHeight="1" x14ac:dyDescent="0.15"/>
    <row r="1044" ht="15" customHeight="1" x14ac:dyDescent="0.15"/>
    <row r="1045" ht="15" customHeight="1" x14ac:dyDescent="0.15"/>
    <row r="1046" ht="15" customHeight="1" x14ac:dyDescent="0.15"/>
    <row r="1047" ht="15" customHeight="1" x14ac:dyDescent="0.15"/>
    <row r="1048" ht="15" customHeight="1" x14ac:dyDescent="0.15"/>
    <row r="1049" ht="15" customHeight="1" x14ac:dyDescent="0.15"/>
    <row r="1050" ht="15" customHeight="1" x14ac:dyDescent="0.15"/>
    <row r="1051" ht="15" customHeight="1" x14ac:dyDescent="0.15"/>
    <row r="1052" ht="15" customHeight="1" x14ac:dyDescent="0.15"/>
    <row r="1053" ht="15" customHeight="1" x14ac:dyDescent="0.15"/>
    <row r="1054" ht="15" customHeight="1" x14ac:dyDescent="0.15"/>
    <row r="1055" ht="15" customHeight="1" x14ac:dyDescent="0.15"/>
    <row r="1056" ht="15" customHeight="1" x14ac:dyDescent="0.15"/>
    <row r="1057" ht="15" customHeight="1" x14ac:dyDescent="0.15"/>
    <row r="1058" ht="15" customHeight="1" x14ac:dyDescent="0.15"/>
    <row r="1059" ht="15" customHeight="1" x14ac:dyDescent="0.15"/>
    <row r="1060" ht="15" customHeight="1" x14ac:dyDescent="0.15"/>
    <row r="1061" ht="15" customHeight="1" x14ac:dyDescent="0.15"/>
    <row r="1062" ht="15" customHeight="1" x14ac:dyDescent="0.15"/>
    <row r="1063" ht="15" customHeight="1" x14ac:dyDescent="0.15"/>
    <row r="1064" ht="15" customHeight="1" x14ac:dyDescent="0.15"/>
    <row r="1065" ht="15" customHeight="1" x14ac:dyDescent="0.15"/>
    <row r="1066" ht="15" customHeight="1" x14ac:dyDescent="0.15"/>
    <row r="1067" ht="15" customHeight="1" x14ac:dyDescent="0.15"/>
    <row r="1068" ht="15" customHeight="1" x14ac:dyDescent="0.15"/>
    <row r="1069" ht="15" customHeight="1" x14ac:dyDescent="0.15"/>
    <row r="1070" ht="15" customHeight="1" x14ac:dyDescent="0.15"/>
    <row r="1071" ht="15" customHeight="1" x14ac:dyDescent="0.15"/>
    <row r="1072" ht="15" customHeight="1" x14ac:dyDescent="0.15"/>
    <row r="1073" ht="15" customHeight="1" x14ac:dyDescent="0.15"/>
    <row r="1074" ht="15" customHeight="1" x14ac:dyDescent="0.15"/>
    <row r="1075" ht="15" customHeight="1" x14ac:dyDescent="0.15"/>
    <row r="1076" ht="15" customHeight="1" x14ac:dyDescent="0.15"/>
    <row r="1077" ht="15" customHeight="1" x14ac:dyDescent="0.15"/>
    <row r="1078" ht="15" customHeight="1" x14ac:dyDescent="0.15"/>
    <row r="1079" ht="15" customHeight="1" x14ac:dyDescent="0.15"/>
    <row r="1080" ht="15" customHeight="1" x14ac:dyDescent="0.15"/>
    <row r="1081" ht="15" customHeight="1" x14ac:dyDescent="0.15"/>
    <row r="1082" ht="15" customHeight="1" x14ac:dyDescent="0.15"/>
    <row r="1083" ht="15" customHeight="1" x14ac:dyDescent="0.15"/>
    <row r="1084" ht="15" customHeight="1" x14ac:dyDescent="0.15"/>
    <row r="1085" ht="15" customHeight="1" x14ac:dyDescent="0.15"/>
    <row r="1086" ht="15" customHeight="1" x14ac:dyDescent="0.15"/>
    <row r="1087" ht="15" customHeight="1" x14ac:dyDescent="0.15"/>
    <row r="1088" ht="15" customHeight="1" x14ac:dyDescent="0.15"/>
    <row r="1089" ht="15" customHeight="1" x14ac:dyDescent="0.15"/>
    <row r="1090" ht="15" customHeight="1" x14ac:dyDescent="0.15"/>
    <row r="1091" ht="15" customHeight="1" x14ac:dyDescent="0.15"/>
    <row r="1092" ht="15" customHeight="1" x14ac:dyDescent="0.15"/>
    <row r="1093" ht="15" customHeight="1" x14ac:dyDescent="0.15"/>
    <row r="1094" ht="15" customHeight="1" x14ac:dyDescent="0.15"/>
    <row r="1095" ht="15" customHeight="1" x14ac:dyDescent="0.15"/>
    <row r="1096" ht="15" customHeight="1" x14ac:dyDescent="0.15"/>
    <row r="1097" ht="15" customHeight="1" x14ac:dyDescent="0.15"/>
    <row r="1098" ht="15" customHeight="1" x14ac:dyDescent="0.15"/>
    <row r="1099" ht="15" customHeight="1" x14ac:dyDescent="0.15"/>
    <row r="1100" ht="15" customHeight="1" x14ac:dyDescent="0.15"/>
    <row r="1101" ht="15" customHeight="1" x14ac:dyDescent="0.15"/>
    <row r="1102" ht="15" customHeight="1" x14ac:dyDescent="0.15"/>
    <row r="1103" ht="15" customHeight="1" x14ac:dyDescent="0.15"/>
    <row r="1104" ht="15" customHeight="1" x14ac:dyDescent="0.15"/>
    <row r="1105" ht="15" customHeight="1" x14ac:dyDescent="0.15"/>
    <row r="1106" ht="15" customHeight="1" x14ac:dyDescent="0.15"/>
    <row r="1107" ht="15" customHeight="1" x14ac:dyDescent="0.15"/>
    <row r="1108" ht="15" customHeight="1" x14ac:dyDescent="0.15"/>
    <row r="1109" ht="15" customHeight="1" x14ac:dyDescent="0.15"/>
    <row r="1110" ht="15" customHeight="1" x14ac:dyDescent="0.15"/>
    <row r="1111" ht="15" customHeight="1" x14ac:dyDescent="0.15"/>
    <row r="1112" ht="15" customHeight="1" x14ac:dyDescent="0.15"/>
    <row r="1113" ht="15" customHeight="1" x14ac:dyDescent="0.15"/>
    <row r="1114" ht="15" customHeight="1" x14ac:dyDescent="0.15"/>
    <row r="1115" ht="15" customHeight="1" x14ac:dyDescent="0.15"/>
    <row r="1116" ht="15" customHeight="1" x14ac:dyDescent="0.15"/>
    <row r="1117" ht="15" customHeight="1" x14ac:dyDescent="0.15"/>
    <row r="1118" ht="15" customHeight="1" x14ac:dyDescent="0.15"/>
    <row r="1119" ht="15" customHeight="1" x14ac:dyDescent="0.15"/>
    <row r="1120" ht="15" customHeight="1" x14ac:dyDescent="0.15"/>
    <row r="1121" ht="15" customHeight="1" x14ac:dyDescent="0.15"/>
    <row r="1122" ht="15" customHeight="1" x14ac:dyDescent="0.15"/>
    <row r="1123" ht="15" customHeight="1" x14ac:dyDescent="0.15"/>
    <row r="1124" ht="15" customHeight="1" x14ac:dyDescent="0.15"/>
    <row r="1125" ht="15" customHeight="1" x14ac:dyDescent="0.15"/>
    <row r="1126" ht="15" customHeight="1" x14ac:dyDescent="0.15"/>
    <row r="1127" ht="15" customHeight="1" x14ac:dyDescent="0.15"/>
    <row r="1128" ht="15" customHeight="1" x14ac:dyDescent="0.15"/>
    <row r="1129" ht="15" customHeight="1" x14ac:dyDescent="0.15"/>
    <row r="1130" ht="15" customHeight="1" x14ac:dyDescent="0.15"/>
    <row r="1131" ht="15" customHeight="1" x14ac:dyDescent="0.15"/>
    <row r="1132" ht="15" customHeight="1" x14ac:dyDescent="0.15"/>
    <row r="1133" ht="15" customHeight="1" x14ac:dyDescent="0.15"/>
    <row r="1134" ht="15" customHeight="1" x14ac:dyDescent="0.15"/>
    <row r="1135" ht="15" customHeight="1" x14ac:dyDescent="0.15"/>
    <row r="1136" ht="15" customHeight="1" x14ac:dyDescent="0.15"/>
    <row r="1137" ht="15" customHeight="1" x14ac:dyDescent="0.15"/>
    <row r="1138" ht="15" customHeight="1" x14ac:dyDescent="0.15"/>
    <row r="1139" ht="15" customHeight="1" x14ac:dyDescent="0.15"/>
    <row r="1140" ht="15" customHeight="1" x14ac:dyDescent="0.15"/>
    <row r="1141" ht="15" customHeight="1" x14ac:dyDescent="0.15"/>
    <row r="1142" ht="15" customHeight="1" x14ac:dyDescent="0.15"/>
    <row r="1143" ht="15" customHeight="1" x14ac:dyDescent="0.15"/>
    <row r="1144" ht="15" customHeight="1" x14ac:dyDescent="0.15"/>
    <row r="1145" ht="15" customHeight="1" x14ac:dyDescent="0.15"/>
    <row r="1146" ht="15" customHeight="1" x14ac:dyDescent="0.15"/>
    <row r="1147" ht="15" customHeight="1" x14ac:dyDescent="0.15"/>
    <row r="1148" ht="15" customHeight="1" x14ac:dyDescent="0.15"/>
    <row r="1149" ht="15" customHeight="1" x14ac:dyDescent="0.15"/>
    <row r="1150" ht="15" customHeight="1" x14ac:dyDescent="0.15"/>
    <row r="1151" ht="15" customHeight="1" x14ac:dyDescent="0.15"/>
    <row r="1152" ht="15" customHeight="1" x14ac:dyDescent="0.15"/>
    <row r="1153" ht="15" customHeight="1" x14ac:dyDescent="0.15"/>
    <row r="1154" ht="15" customHeight="1" x14ac:dyDescent="0.15"/>
    <row r="1155" ht="15" customHeight="1" x14ac:dyDescent="0.15"/>
    <row r="1156" ht="15" customHeight="1" x14ac:dyDescent="0.15"/>
    <row r="1157" ht="15" customHeight="1" x14ac:dyDescent="0.15"/>
    <row r="1158" ht="15" customHeight="1" x14ac:dyDescent="0.15"/>
    <row r="1159" ht="15" customHeight="1" x14ac:dyDescent="0.15"/>
    <row r="1160" ht="15" customHeight="1" x14ac:dyDescent="0.15"/>
    <row r="1161" ht="15" customHeight="1" x14ac:dyDescent="0.15"/>
    <row r="1162" ht="15" customHeight="1" x14ac:dyDescent="0.15"/>
    <row r="1163" ht="15" customHeight="1" x14ac:dyDescent="0.15"/>
  </sheetData>
  <mergeCells count="82">
    <mergeCell ref="B4:F4"/>
    <mergeCell ref="B5:AK6"/>
    <mergeCell ref="X8:Y9"/>
    <mergeCell ref="Z8:AA9"/>
    <mergeCell ref="AB8:AC9"/>
    <mergeCell ref="AD8:AE9"/>
    <mergeCell ref="AF8:AG9"/>
    <mergeCell ref="AH8:AI9"/>
    <mergeCell ref="AJ8:AK9"/>
    <mergeCell ref="B16:T17"/>
    <mergeCell ref="U16:AK17"/>
    <mergeCell ref="B10:K11"/>
    <mergeCell ref="R12:T13"/>
    <mergeCell ref="U12:W13"/>
    <mergeCell ref="X12:AK13"/>
    <mergeCell ref="U14:W15"/>
    <mergeCell ref="X14:AI15"/>
    <mergeCell ref="AJ14:AK15"/>
    <mergeCell ref="AA18:AB20"/>
    <mergeCell ref="AC18:AD20"/>
    <mergeCell ref="AE18:AF20"/>
    <mergeCell ref="AG18:AH20"/>
    <mergeCell ref="AI18:AJ20"/>
    <mergeCell ref="B18:F20"/>
    <mergeCell ref="H18:L20"/>
    <mergeCell ref="M18:R20"/>
    <mergeCell ref="S18:T20"/>
    <mergeCell ref="Y18:Z20"/>
    <mergeCell ref="U18:X20"/>
    <mergeCell ref="B21:F26"/>
    <mergeCell ref="G21:H22"/>
    <mergeCell ref="I21:L22"/>
    <mergeCell ref="Z21:AE22"/>
    <mergeCell ref="AF21:AK22"/>
    <mergeCell ref="M23:N24"/>
    <mergeCell ref="O23:Q24"/>
    <mergeCell ref="R23:S24"/>
    <mergeCell ref="T23:V24"/>
    <mergeCell ref="X23:Y24"/>
    <mergeCell ref="Z23:AK24"/>
    <mergeCell ref="M21:N22"/>
    <mergeCell ref="O21:Q22"/>
    <mergeCell ref="X21:Y22"/>
    <mergeCell ref="R21:S22"/>
    <mergeCell ref="T21:V22"/>
    <mergeCell ref="B27:F31"/>
    <mergeCell ref="B32:F36"/>
    <mergeCell ref="H32:K36"/>
    <mergeCell ref="L32:N36"/>
    <mergeCell ref="O32:P36"/>
    <mergeCell ref="L52:O53"/>
    <mergeCell ref="P52:Q53"/>
    <mergeCell ref="R52:R53"/>
    <mergeCell ref="S52:T53"/>
    <mergeCell ref="Z25:AK26"/>
    <mergeCell ref="Q32:S36"/>
    <mergeCell ref="I25:L26"/>
    <mergeCell ref="M25:N26"/>
    <mergeCell ref="O25:Q26"/>
    <mergeCell ref="R25:S26"/>
    <mergeCell ref="T25:V26"/>
    <mergeCell ref="H45:K48"/>
    <mergeCell ref="T32:U36"/>
    <mergeCell ref="Y32:Z36"/>
    <mergeCell ref="H27:K31"/>
    <mergeCell ref="X25:Y26"/>
    <mergeCell ref="G25:H26"/>
    <mergeCell ref="B37:F44"/>
    <mergeCell ref="V32:X36"/>
    <mergeCell ref="AJ51:AK55"/>
    <mergeCell ref="H52:I53"/>
    <mergeCell ref="J52:K53"/>
    <mergeCell ref="H37:K40"/>
    <mergeCell ref="H41:K44"/>
    <mergeCell ref="B51:F55"/>
    <mergeCell ref="V51:AA55"/>
    <mergeCell ref="AB51:AI55"/>
    <mergeCell ref="B45:F49"/>
    <mergeCell ref="AI45:AK48"/>
    <mergeCell ref="J49:Q49"/>
    <mergeCell ref="R49:V49"/>
    <mergeCell ref="X49:AK49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完了届</vt:lpstr>
      <vt:lpstr>完了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下　純代</dc:creator>
  <cp:lastModifiedBy>岩下　純代</cp:lastModifiedBy>
  <cp:lastPrinted>2020-12-24T02:24:44Z</cp:lastPrinted>
  <dcterms:created xsi:type="dcterms:W3CDTF">2019-04-03T06:34:42Z</dcterms:created>
  <dcterms:modified xsi:type="dcterms:W3CDTF">2020-12-24T02:24:48Z</dcterms:modified>
</cp:coreProperties>
</file>